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changesInfos/changesInfo1.xml" ContentType="application/vnd.ms-powerpoint.changesinfo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4"/>
  </p:sldMasterIdLst>
  <p:notesMasterIdLst>
    <p:notesMasterId r:id="rId15"/>
  </p:notesMasterIdLst>
  <p:handoutMasterIdLst>
    <p:handoutMasterId r:id="rId16"/>
  </p:handoutMasterIdLst>
  <p:sldIdLst>
    <p:sldId id="603" r:id="rId5"/>
    <p:sldId id="625" r:id="rId6"/>
    <p:sldId id="626" r:id="rId7"/>
    <p:sldId id="627" r:id="rId8"/>
    <p:sldId id="607" r:id="rId9"/>
    <p:sldId id="608" r:id="rId10"/>
    <p:sldId id="604" r:id="rId11"/>
    <p:sldId id="605" r:id="rId12"/>
    <p:sldId id="610" r:id="rId13"/>
    <p:sldId id="628" r:id="rId14"/>
  </p:sldIdLst>
  <p:sldSz cx="9144000" cy="5143500" type="screen16x9"/>
  <p:notesSz cx="6805613" cy="9939338"/>
  <p:defaultTextStyle>
    <a:defPPr>
      <a:defRPr lang="da-DK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434">
          <p15:clr>
            <a:srgbClr val="A4A3A4"/>
          </p15:clr>
        </p15:guide>
        <p15:guide id="2" orient="horz" pos="1469">
          <p15:clr>
            <a:srgbClr val="A4A3A4"/>
          </p15:clr>
        </p15:guide>
        <p15:guide id="3" orient="horz" pos="3929">
          <p15:clr>
            <a:srgbClr val="A4A3A4"/>
          </p15:clr>
        </p15:guide>
        <p15:guide id="4" pos="5284">
          <p15:clr>
            <a:srgbClr val="A4A3A4"/>
          </p15:clr>
        </p15:guide>
        <p15:guide id="5" pos="567">
          <p15:clr>
            <a:srgbClr val="A4A3A4"/>
          </p15:clr>
        </p15:guide>
        <p15:guide id="6" orient="horz" pos="1076">
          <p15:clr>
            <a:srgbClr val="A4A3A4"/>
          </p15:clr>
        </p15:guide>
        <p15:guide id="7" orient="horz" pos="1102">
          <p15:clr>
            <a:srgbClr val="A4A3A4"/>
          </p15:clr>
        </p15:guide>
        <p15:guide id="8" orient="horz" pos="2947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BEEC4374-A414-4D3B-E183-69CD3AC644E5}" name="Maja Johanne Fröling" initials="MF" userId="S::mafl@kp.dk::d6d35f67-c6c9-437d-8f6d-d29a3f816a1c" providerId="AD"/>
  <p188:author id="{AF7F768F-2482-E011-C525-C9746F45C604}" name="Rikke Skovgaard Andersen" initials="RSA" userId="S::RSKO@kp.dk::1c5fd02a-e9e6-49b0-b4e1-747dde0b91c8" providerId="AD"/>
  <p188:author id="{56B9F3B2-6DA9-C4A7-7F79-B87B2D85FF04}" name="Maja Johanne Fröling" initials="MJF" userId="S::MAFL@kp.dk::d6d35f67-c6c9-437d-8f6d-d29a3f816a1c" providerId="AD"/>
  <p188:author id="{52DBFFB2-C158-D550-1F6A-369E20BABCB5}" name="Kirsten Balle" initials="KB" userId="S::kirb@kp.dk::b7e416da-d64c-4180-9f57-fecf3294df71" providerId="AD"/>
  <p188:author id="{E9220AFE-E433-3958-74F8-D6EDAD5144E5}" name="Ditte Strandbygaard" initials="DS" userId="S::ditt@kp.dk::bb7082b2-533a-47fe-b379-178d705b7b2a" providerId="AD"/>
</p188:authorLst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Lise Andersen" initials="LA" lastIdx="2" clrIdx="0">
    <p:extLst>
      <p:ext uri="{19B8F6BF-5375-455C-9EA6-DF929625EA0E}">
        <p15:presenceInfo xmlns:p15="http://schemas.microsoft.com/office/powerpoint/2012/main" userId="S::LISE@kp.dk::446c5d25-571a-48b2-88cf-f9588ea98113" providerId="AD"/>
      </p:ext>
    </p:extLst>
  </p:cmAuthor>
  <p:cmAuthor id="2" name="Martin Sørensen" initials="MS" lastIdx="1" clrIdx="1">
    <p:extLst>
      <p:ext uri="{19B8F6BF-5375-455C-9EA6-DF929625EA0E}">
        <p15:presenceInfo xmlns:p15="http://schemas.microsoft.com/office/powerpoint/2012/main" userId="S::MSOR@kp.dk::205b1b64-6cad-4cf7-b50b-661f735f70cd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A3C3C"/>
    <a:srgbClr val="FF9F89"/>
    <a:srgbClr val="000000"/>
    <a:srgbClr val="192337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 varScale="1">
        <p:scale>
          <a:sx n="105" d="100"/>
          <a:sy n="105" d="100"/>
        </p:scale>
        <p:origin x="802" y="62"/>
      </p:cViewPr>
      <p:guideLst>
        <p:guide orient="horz" pos="1434"/>
        <p:guide orient="horz" pos="1469"/>
        <p:guide orient="horz" pos="3929"/>
        <p:guide pos="5284"/>
        <p:guide pos="567"/>
        <p:guide orient="horz" pos="1076"/>
        <p:guide orient="horz" pos="1102"/>
        <p:guide orient="horz" pos="2947"/>
      </p:guideLst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66" d="100"/>
          <a:sy n="66" d="100"/>
        </p:scale>
        <p:origin x="0" y="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presProps" Target="presProps.xml"/><Relationship Id="rId3" Type="http://schemas.openxmlformats.org/officeDocument/2006/relationships/customXml" Target="../customXml/item3.xml"/><Relationship Id="rId21" Type="http://schemas.openxmlformats.org/officeDocument/2006/relationships/tableStyles" Target="tableStyles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commentAuthors" Target="commentAuthors.xml"/><Relationship Id="rId2" Type="http://schemas.openxmlformats.org/officeDocument/2006/relationships/customXml" Target="../customXml/item2.xml"/><Relationship Id="rId16" Type="http://schemas.openxmlformats.org/officeDocument/2006/relationships/handoutMaster" Target="handoutMasters/handoutMaster1.xml"/><Relationship Id="rId20" Type="http://schemas.openxmlformats.org/officeDocument/2006/relationships/theme" Target="theme/theme1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5" Type="http://schemas.openxmlformats.org/officeDocument/2006/relationships/slide" Target="slides/slide1.xml"/><Relationship Id="rId15" Type="http://schemas.openxmlformats.org/officeDocument/2006/relationships/notesMaster" Target="notesMasters/notesMaster1.xml"/><Relationship Id="rId23" Type="http://schemas.microsoft.com/office/2018/10/relationships/authors" Target="authors.xml"/><Relationship Id="rId10" Type="http://schemas.openxmlformats.org/officeDocument/2006/relationships/slide" Target="slides/slide6.xml"/><Relationship Id="rId19" Type="http://schemas.openxmlformats.org/officeDocument/2006/relationships/viewProps" Target="viewProps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microsoft.com/office/2016/11/relationships/changesInfo" Target="changesInfos/changesInfo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Maja Johanne Fröling" userId="S::mafl@kp.dk::d6d35f67-c6c9-437d-8f6d-d29a3f816a1c" providerId="AD" clId="Web-{D6B86770-EFBC-4494-8659-349B068287E0}"/>
    <pc:docChg chg="modSld">
      <pc:chgData name="Maja Johanne Fröling" userId="S::mafl@kp.dk::d6d35f67-c6c9-437d-8f6d-d29a3f816a1c" providerId="AD" clId="Web-{D6B86770-EFBC-4494-8659-349B068287E0}" dt="2022-02-09T11:43:57.491" v="7" actId="20577"/>
      <pc:docMkLst>
        <pc:docMk/>
      </pc:docMkLst>
      <pc:sldChg chg="modSp">
        <pc:chgData name="Maja Johanne Fröling" userId="S::mafl@kp.dk::d6d35f67-c6c9-437d-8f6d-d29a3f816a1c" providerId="AD" clId="Web-{D6B86770-EFBC-4494-8659-349B068287E0}" dt="2022-02-09T11:43:57.491" v="7" actId="20577"/>
        <pc:sldMkLst>
          <pc:docMk/>
          <pc:sldMk cId="1352504187" sldId="623"/>
        </pc:sldMkLst>
        <pc:spChg chg="mod">
          <ac:chgData name="Maja Johanne Fröling" userId="S::mafl@kp.dk::d6d35f67-c6c9-437d-8f6d-d29a3f816a1c" providerId="AD" clId="Web-{D6B86770-EFBC-4494-8659-349B068287E0}" dt="2022-02-09T11:43:57.491" v="7" actId="20577"/>
          <ac:spMkLst>
            <pc:docMk/>
            <pc:sldMk cId="1352504187" sldId="623"/>
            <ac:spMk id="2" creationId="{4B9EB7B8-20E8-4C84-9376-6916FC8A85AA}"/>
          </ac:spMkLst>
        </pc:spChg>
        <pc:spChg chg="mod">
          <ac:chgData name="Maja Johanne Fröling" userId="S::mafl@kp.dk::d6d35f67-c6c9-437d-8f6d-d29a3f816a1c" providerId="AD" clId="Web-{D6B86770-EFBC-4494-8659-349B068287E0}" dt="2022-02-09T11:43:54.709" v="2" actId="20577"/>
          <ac:spMkLst>
            <pc:docMk/>
            <pc:sldMk cId="1352504187" sldId="623"/>
            <ac:spMk id="5" creationId="{F9D2E884-6981-47F4-985E-5ED05CF4EA19}"/>
          </ac:spMkLst>
        </pc:spChg>
      </pc:sldChg>
    </pc:docChg>
  </pc:docChgLst>
  <pc:docChgLst>
    <pc:chgData name="Maja Johanne Fröling" userId="S::mafl@kp.dk::d6d35f67-c6c9-437d-8f6d-d29a3f816a1c" providerId="AD" clId="Web-{FDD84883-2A79-4172-A76F-D1135A86E92E}"/>
    <pc:docChg chg="modSld">
      <pc:chgData name="Maja Johanne Fröling" userId="S::mafl@kp.dk::d6d35f67-c6c9-437d-8f6d-d29a3f816a1c" providerId="AD" clId="Web-{FDD84883-2A79-4172-A76F-D1135A86E92E}" dt="2022-02-18T09:36:45.902" v="17" actId="20577"/>
      <pc:docMkLst>
        <pc:docMk/>
      </pc:docMkLst>
      <pc:sldChg chg="modSp">
        <pc:chgData name="Maja Johanne Fröling" userId="S::mafl@kp.dk::d6d35f67-c6c9-437d-8f6d-d29a3f816a1c" providerId="AD" clId="Web-{FDD84883-2A79-4172-A76F-D1135A86E92E}" dt="2022-02-18T09:36:45.902" v="17" actId="20577"/>
        <pc:sldMkLst>
          <pc:docMk/>
          <pc:sldMk cId="2524609119" sldId="330"/>
        </pc:sldMkLst>
        <pc:spChg chg="mod">
          <ac:chgData name="Maja Johanne Fröling" userId="S::mafl@kp.dk::d6d35f67-c6c9-437d-8f6d-d29a3f816a1c" providerId="AD" clId="Web-{FDD84883-2A79-4172-A76F-D1135A86E92E}" dt="2022-02-18T09:36:45.902" v="17" actId="20577"/>
          <ac:spMkLst>
            <pc:docMk/>
            <pc:sldMk cId="2524609119" sldId="330"/>
            <ac:spMk id="8" creationId="{BB634C32-62A2-4A28-A538-706E45334C2E}"/>
          </ac:spMkLst>
        </pc:spChg>
      </pc:sldChg>
    </pc:docChg>
  </pc:docChgLst>
  <pc:docChgLst>
    <pc:chgData name="Maja Johanne Fröling" userId="S::mafl@kp.dk::d6d35f67-c6c9-437d-8f6d-d29a3f816a1c" providerId="AD" clId="Web-{93A5DF93-6058-AF25-298F-46C48C6C8721}"/>
    <pc:docChg chg="addSld delSld modSld">
      <pc:chgData name="Maja Johanne Fröling" userId="S::mafl@kp.dk::d6d35f67-c6c9-437d-8f6d-d29a3f816a1c" providerId="AD" clId="Web-{93A5DF93-6058-AF25-298F-46C48C6C8721}" dt="2022-03-11T07:41:52.031" v="93" actId="20577"/>
      <pc:docMkLst>
        <pc:docMk/>
      </pc:docMkLst>
      <pc:sldChg chg="modSp">
        <pc:chgData name="Maja Johanne Fröling" userId="S::mafl@kp.dk::d6d35f67-c6c9-437d-8f6d-d29a3f816a1c" providerId="AD" clId="Web-{93A5DF93-6058-AF25-298F-46C48C6C8721}" dt="2022-03-11T07:23:30.895" v="72" actId="20577"/>
        <pc:sldMkLst>
          <pc:docMk/>
          <pc:sldMk cId="2080231096" sldId="327"/>
        </pc:sldMkLst>
        <pc:spChg chg="mod">
          <ac:chgData name="Maja Johanne Fröling" userId="S::mafl@kp.dk::d6d35f67-c6c9-437d-8f6d-d29a3f816a1c" providerId="AD" clId="Web-{93A5DF93-6058-AF25-298F-46C48C6C8721}" dt="2022-03-11T07:23:30.895" v="72" actId="20577"/>
          <ac:spMkLst>
            <pc:docMk/>
            <pc:sldMk cId="2080231096" sldId="327"/>
            <ac:spMk id="5" creationId="{DB96A3A9-3DB4-4780-9126-90CD9CBB62F0}"/>
          </ac:spMkLst>
        </pc:spChg>
      </pc:sldChg>
      <pc:sldChg chg="modSp">
        <pc:chgData name="Maja Johanne Fröling" userId="S::mafl@kp.dk::d6d35f67-c6c9-437d-8f6d-d29a3f816a1c" providerId="AD" clId="Web-{93A5DF93-6058-AF25-298F-46C48C6C8721}" dt="2022-03-11T07:41:52.031" v="93" actId="20577"/>
        <pc:sldMkLst>
          <pc:docMk/>
          <pc:sldMk cId="1684268491" sldId="579"/>
        </pc:sldMkLst>
        <pc:spChg chg="mod">
          <ac:chgData name="Maja Johanne Fröling" userId="S::mafl@kp.dk::d6d35f67-c6c9-437d-8f6d-d29a3f816a1c" providerId="AD" clId="Web-{93A5DF93-6058-AF25-298F-46C48C6C8721}" dt="2022-03-11T07:41:52.031" v="93" actId="20577"/>
          <ac:spMkLst>
            <pc:docMk/>
            <pc:sldMk cId="1684268491" sldId="579"/>
            <ac:spMk id="8" creationId="{45EC2D40-7B80-48A6-9261-4C6245A9A45C}"/>
          </ac:spMkLst>
        </pc:spChg>
      </pc:sldChg>
      <pc:sldChg chg="modSp">
        <pc:chgData name="Maja Johanne Fröling" userId="S::mafl@kp.dk::d6d35f67-c6c9-437d-8f6d-d29a3f816a1c" providerId="AD" clId="Web-{93A5DF93-6058-AF25-298F-46C48C6C8721}" dt="2022-03-11T06:55:23.554" v="70"/>
        <pc:sldMkLst>
          <pc:docMk/>
          <pc:sldMk cId="1712534184" sldId="618"/>
        </pc:sldMkLst>
        <pc:graphicFrameChg chg="mod modGraphic">
          <ac:chgData name="Maja Johanne Fröling" userId="S::mafl@kp.dk::d6d35f67-c6c9-437d-8f6d-d29a3f816a1c" providerId="AD" clId="Web-{93A5DF93-6058-AF25-298F-46C48C6C8721}" dt="2022-03-11T06:55:23.554" v="70"/>
          <ac:graphicFrameMkLst>
            <pc:docMk/>
            <pc:sldMk cId="1712534184" sldId="618"/>
            <ac:graphicFrameMk id="14" creationId="{5179CBCE-AB67-478C-9CC6-91A488BFEE5F}"/>
          </ac:graphicFrameMkLst>
        </pc:graphicFrameChg>
      </pc:sldChg>
      <pc:sldChg chg="modSp add del">
        <pc:chgData name="Maja Johanne Fröling" userId="S::mafl@kp.dk::d6d35f67-c6c9-437d-8f6d-d29a3f816a1c" providerId="AD" clId="Web-{93A5DF93-6058-AF25-298F-46C48C6C8721}" dt="2022-03-11T06:45:12.408" v="34" actId="20577"/>
        <pc:sldMkLst>
          <pc:docMk/>
          <pc:sldMk cId="2047261995" sldId="620"/>
        </pc:sldMkLst>
        <pc:spChg chg="mod">
          <ac:chgData name="Maja Johanne Fröling" userId="S::mafl@kp.dk::d6d35f67-c6c9-437d-8f6d-d29a3f816a1c" providerId="AD" clId="Web-{93A5DF93-6058-AF25-298F-46C48C6C8721}" dt="2022-03-11T06:45:12.408" v="34" actId="20577"/>
          <ac:spMkLst>
            <pc:docMk/>
            <pc:sldMk cId="2047261995" sldId="620"/>
            <ac:spMk id="5" creationId="{CB2EA168-EE53-40CF-BA06-C67C4B3D1FF6}"/>
          </ac:spMkLst>
        </pc:spChg>
        <pc:graphicFrameChg chg="mod modGraphic">
          <ac:chgData name="Maja Johanne Fröling" userId="S::mafl@kp.dk::d6d35f67-c6c9-437d-8f6d-d29a3f816a1c" providerId="AD" clId="Web-{93A5DF93-6058-AF25-298F-46C48C6C8721}" dt="2022-03-11T06:44:42.859" v="31"/>
          <ac:graphicFrameMkLst>
            <pc:docMk/>
            <pc:sldMk cId="2047261995" sldId="620"/>
            <ac:graphicFrameMk id="10" creationId="{82EB9E93-CA09-40A8-9F06-086D69326664}"/>
          </ac:graphicFrameMkLst>
        </pc:graphicFrameChg>
      </pc:sldChg>
      <pc:sldChg chg="modSp">
        <pc:chgData name="Maja Johanne Fröling" userId="S::mafl@kp.dk::d6d35f67-c6c9-437d-8f6d-d29a3f816a1c" providerId="AD" clId="Web-{93A5DF93-6058-AF25-298F-46C48C6C8721}" dt="2022-03-11T07:33:33.873" v="91" actId="14100"/>
        <pc:sldMkLst>
          <pc:docMk/>
          <pc:sldMk cId="1352504187" sldId="623"/>
        </pc:sldMkLst>
        <pc:spChg chg="mod">
          <ac:chgData name="Maja Johanne Fröling" userId="S::mafl@kp.dk::d6d35f67-c6c9-437d-8f6d-d29a3f816a1c" providerId="AD" clId="Web-{93A5DF93-6058-AF25-298F-46C48C6C8721}" dt="2022-03-11T07:33:28.248" v="90" actId="1076"/>
          <ac:spMkLst>
            <pc:docMk/>
            <pc:sldMk cId="1352504187" sldId="623"/>
            <ac:spMk id="11" creationId="{4F313E81-446E-4ACF-A213-3C0C3FFEB28A}"/>
          </ac:spMkLst>
        </pc:spChg>
        <pc:graphicFrameChg chg="mod">
          <ac:chgData name="Maja Johanne Fröling" userId="S::mafl@kp.dk::d6d35f67-c6c9-437d-8f6d-d29a3f816a1c" providerId="AD" clId="Web-{93A5DF93-6058-AF25-298F-46C48C6C8721}" dt="2022-03-11T07:33:33.873" v="91" actId="14100"/>
          <ac:graphicFrameMkLst>
            <pc:docMk/>
            <pc:sldMk cId="1352504187" sldId="623"/>
            <ac:graphicFrameMk id="10" creationId="{50CC0B4E-F0E2-4A18-AB28-C360C0904304}"/>
          </ac:graphicFrameMkLst>
        </pc:graphicFrameChg>
      </pc:sldChg>
      <pc:sldChg chg="modSp">
        <pc:chgData name="Maja Johanne Fröling" userId="S::mafl@kp.dk::d6d35f67-c6c9-437d-8f6d-d29a3f816a1c" providerId="AD" clId="Web-{93A5DF93-6058-AF25-298F-46C48C6C8721}" dt="2022-03-11T07:32:17.118" v="88" actId="20577"/>
        <pc:sldMkLst>
          <pc:docMk/>
          <pc:sldMk cId="2950231413" sldId="624"/>
        </pc:sldMkLst>
        <pc:spChg chg="mod">
          <ac:chgData name="Maja Johanne Fröling" userId="S::mafl@kp.dk::d6d35f67-c6c9-437d-8f6d-d29a3f816a1c" providerId="AD" clId="Web-{93A5DF93-6058-AF25-298F-46C48C6C8721}" dt="2022-03-11T07:32:17.118" v="88" actId="20577"/>
          <ac:spMkLst>
            <pc:docMk/>
            <pc:sldMk cId="2950231413" sldId="624"/>
            <ac:spMk id="20" creationId="{DA79268E-C279-4DC1-AC55-965BEF54C6A6}"/>
          </ac:spMkLst>
        </pc:spChg>
      </pc:sldChg>
    </pc:docChg>
  </pc:docChgLst>
  <pc:docChgLst>
    <pc:chgData name="Maja Johanne Fröling" userId="S::mafl@kp.dk::d6d35f67-c6c9-437d-8f6d-d29a3f816a1c" providerId="AD" clId="Web-{10E0EB62-BD4A-4E9F-A799-83AB4ECCB284}"/>
    <pc:docChg chg="modSld">
      <pc:chgData name="Maja Johanne Fröling" userId="S::mafl@kp.dk::d6d35f67-c6c9-437d-8f6d-d29a3f816a1c" providerId="AD" clId="Web-{10E0EB62-BD4A-4E9F-A799-83AB4ECCB284}" dt="2022-02-15T11:32:58.011" v="48" actId="20577"/>
      <pc:docMkLst>
        <pc:docMk/>
      </pc:docMkLst>
      <pc:sldChg chg="modSp">
        <pc:chgData name="Maja Johanne Fröling" userId="S::mafl@kp.dk::d6d35f67-c6c9-437d-8f6d-d29a3f816a1c" providerId="AD" clId="Web-{10E0EB62-BD4A-4E9F-A799-83AB4ECCB284}" dt="2022-02-15T11:32:58.011" v="48" actId="20577"/>
        <pc:sldMkLst>
          <pc:docMk/>
          <pc:sldMk cId="2047261995" sldId="620"/>
        </pc:sldMkLst>
        <pc:spChg chg="mod">
          <ac:chgData name="Maja Johanne Fröling" userId="S::mafl@kp.dk::d6d35f67-c6c9-437d-8f6d-d29a3f816a1c" providerId="AD" clId="Web-{10E0EB62-BD4A-4E9F-A799-83AB4ECCB284}" dt="2022-02-15T11:32:58.011" v="48" actId="20577"/>
          <ac:spMkLst>
            <pc:docMk/>
            <pc:sldMk cId="2047261995" sldId="620"/>
            <ac:spMk id="5" creationId="{CB2EA168-EE53-40CF-BA06-C67C4B3D1FF6}"/>
          </ac:spMkLst>
        </pc:spChg>
        <pc:graphicFrameChg chg="mod modGraphic">
          <ac:chgData name="Maja Johanne Fröling" userId="S::mafl@kp.dk::d6d35f67-c6c9-437d-8f6d-d29a3f816a1c" providerId="AD" clId="Web-{10E0EB62-BD4A-4E9F-A799-83AB4ECCB284}" dt="2022-02-15T11:32:42.995" v="29"/>
          <ac:graphicFrameMkLst>
            <pc:docMk/>
            <pc:sldMk cId="2047261995" sldId="620"/>
            <ac:graphicFrameMk id="10" creationId="{82EB9E93-CA09-40A8-9F06-086D69326664}"/>
          </ac:graphicFrameMkLst>
        </pc:graphicFrameChg>
      </pc:sldChg>
    </pc:docChg>
  </pc:docChgLst>
  <pc:docChgLst>
    <pc:chgData name="Maja Johanne Fröling" userId="S::mafl@kp.dk::d6d35f67-c6c9-437d-8f6d-d29a3f816a1c" providerId="AD" clId="Web-{910F4632-5CB0-43DD-B2E9-B67077E9D2E2}"/>
    <pc:docChg chg="modSld">
      <pc:chgData name="Maja Johanne Fröling" userId="S::mafl@kp.dk::d6d35f67-c6c9-437d-8f6d-d29a3f816a1c" providerId="AD" clId="Web-{910F4632-5CB0-43DD-B2E9-B67077E9D2E2}" dt="2022-02-09T07:47:22.241" v="0" actId="20577"/>
      <pc:docMkLst>
        <pc:docMk/>
      </pc:docMkLst>
      <pc:sldChg chg="modSp modCm">
        <pc:chgData name="Maja Johanne Fröling" userId="S::mafl@kp.dk::d6d35f67-c6c9-437d-8f6d-d29a3f816a1c" providerId="AD" clId="Web-{910F4632-5CB0-43DD-B2E9-B67077E9D2E2}" dt="2022-02-09T07:47:22.241" v="0" actId="20577"/>
        <pc:sldMkLst>
          <pc:docMk/>
          <pc:sldMk cId="2080231096" sldId="327"/>
        </pc:sldMkLst>
        <pc:spChg chg="mod">
          <ac:chgData name="Maja Johanne Fröling" userId="S::mafl@kp.dk::d6d35f67-c6c9-437d-8f6d-d29a3f816a1c" providerId="AD" clId="Web-{910F4632-5CB0-43DD-B2E9-B67077E9D2E2}" dt="2022-02-09T07:47:22.241" v="0" actId="20577"/>
          <ac:spMkLst>
            <pc:docMk/>
            <pc:sldMk cId="2080231096" sldId="327"/>
            <ac:spMk id="5" creationId="{DB96A3A9-3DB4-4780-9126-90CD9CBB62F0}"/>
          </ac:spMkLst>
        </pc:spChg>
      </pc:sldChg>
    </pc:docChg>
  </pc:docChgLst>
  <pc:docChgLst>
    <pc:chgData name="Maja Johanne Fröling" userId="S::mafl@kp.dk::d6d35f67-c6c9-437d-8f6d-d29a3f816a1c" providerId="AD" clId="Web-{012FEBD5-7B0D-4C21-839A-E07A6077A633}"/>
    <pc:docChg chg="addSld modSld">
      <pc:chgData name="Maja Johanne Fröling" userId="S::mafl@kp.dk::d6d35f67-c6c9-437d-8f6d-d29a3f816a1c" providerId="AD" clId="Web-{012FEBD5-7B0D-4C21-839A-E07A6077A633}" dt="2022-02-09T10:01:27.544" v="358"/>
      <pc:docMkLst>
        <pc:docMk/>
      </pc:docMkLst>
      <pc:sldChg chg="modSp delCm modCm">
        <pc:chgData name="Maja Johanne Fröling" userId="S::mafl@kp.dk::d6d35f67-c6c9-437d-8f6d-d29a3f816a1c" providerId="AD" clId="Web-{012FEBD5-7B0D-4C21-839A-E07A6077A633}" dt="2022-02-09T09:48:45.664" v="279" actId="20577"/>
        <pc:sldMkLst>
          <pc:docMk/>
          <pc:sldMk cId="4074299677" sldId="326"/>
        </pc:sldMkLst>
        <pc:spChg chg="mod">
          <ac:chgData name="Maja Johanne Fröling" userId="S::mafl@kp.dk::d6d35f67-c6c9-437d-8f6d-d29a3f816a1c" providerId="AD" clId="Web-{012FEBD5-7B0D-4C21-839A-E07A6077A633}" dt="2022-02-09T09:48:45.664" v="279" actId="20577"/>
          <ac:spMkLst>
            <pc:docMk/>
            <pc:sldMk cId="4074299677" sldId="326"/>
            <ac:spMk id="3" creationId="{71BBB99B-AC69-4402-8EA0-134607652028}"/>
          </ac:spMkLst>
        </pc:spChg>
        <pc:spChg chg="mod">
          <ac:chgData name="Maja Johanne Fröling" userId="S::mafl@kp.dk::d6d35f67-c6c9-437d-8f6d-d29a3f816a1c" providerId="AD" clId="Web-{012FEBD5-7B0D-4C21-839A-E07A6077A633}" dt="2022-02-09T09:44:47.767" v="275"/>
          <ac:spMkLst>
            <pc:docMk/>
            <pc:sldMk cId="4074299677" sldId="326"/>
            <ac:spMk id="5" creationId="{989FE881-5107-4296-9604-048E6CF24DDB}"/>
          </ac:spMkLst>
        </pc:spChg>
      </pc:sldChg>
      <pc:sldChg chg="modSp delCm modCm">
        <pc:chgData name="Maja Johanne Fröling" userId="S::mafl@kp.dk::d6d35f67-c6c9-437d-8f6d-d29a3f816a1c" providerId="AD" clId="Web-{012FEBD5-7B0D-4C21-839A-E07A6077A633}" dt="2022-02-09T09:35:25.580" v="101" actId="20577"/>
        <pc:sldMkLst>
          <pc:docMk/>
          <pc:sldMk cId="2080231096" sldId="327"/>
        </pc:sldMkLst>
        <pc:spChg chg="mod">
          <ac:chgData name="Maja Johanne Fröling" userId="S::mafl@kp.dk::d6d35f67-c6c9-437d-8f6d-d29a3f816a1c" providerId="AD" clId="Web-{012FEBD5-7B0D-4C21-839A-E07A6077A633}" dt="2022-02-09T09:35:25.580" v="101" actId="20577"/>
          <ac:spMkLst>
            <pc:docMk/>
            <pc:sldMk cId="2080231096" sldId="327"/>
            <ac:spMk id="5" creationId="{DB96A3A9-3DB4-4780-9126-90CD9CBB62F0}"/>
          </ac:spMkLst>
        </pc:spChg>
      </pc:sldChg>
      <pc:sldChg chg="addSp delSp modSp mod modClrScheme delCm chgLayout">
        <pc:chgData name="Maja Johanne Fröling" userId="S::mafl@kp.dk::d6d35f67-c6c9-437d-8f6d-d29a3f816a1c" providerId="AD" clId="Web-{012FEBD5-7B0D-4C21-839A-E07A6077A633}" dt="2022-02-09T10:01:27.544" v="358"/>
        <pc:sldMkLst>
          <pc:docMk/>
          <pc:sldMk cId="1712534184" sldId="618"/>
        </pc:sldMkLst>
        <pc:spChg chg="mod ord">
          <ac:chgData name="Maja Johanne Fröling" userId="S::mafl@kp.dk::d6d35f67-c6c9-437d-8f6d-d29a3f816a1c" providerId="AD" clId="Web-{012FEBD5-7B0D-4C21-839A-E07A6077A633}" dt="2022-02-09T09:51:06.590" v="308" actId="20577"/>
          <ac:spMkLst>
            <pc:docMk/>
            <pc:sldMk cId="1712534184" sldId="618"/>
            <ac:spMk id="2" creationId="{815202B1-6CB1-4FC4-9D6F-AD5298FBAC78}"/>
          </ac:spMkLst>
        </pc:spChg>
        <pc:spChg chg="add del mod ord">
          <ac:chgData name="Maja Johanne Fröling" userId="S::mafl@kp.dk::d6d35f67-c6c9-437d-8f6d-d29a3f816a1c" providerId="AD" clId="Web-{012FEBD5-7B0D-4C21-839A-E07A6077A633}" dt="2022-02-09T09:51:09.418" v="309"/>
          <ac:spMkLst>
            <pc:docMk/>
            <pc:sldMk cId="1712534184" sldId="618"/>
            <ac:spMk id="3" creationId="{3376D598-2354-4C85-874A-8B75BA765346}"/>
          </ac:spMkLst>
        </pc:spChg>
        <pc:spChg chg="add mod ord">
          <ac:chgData name="Maja Johanne Fröling" userId="S::mafl@kp.dk::d6d35f67-c6c9-437d-8f6d-d29a3f816a1c" providerId="AD" clId="Web-{012FEBD5-7B0D-4C21-839A-E07A6077A633}" dt="2022-02-09T09:51:33.403" v="317" actId="20577"/>
          <ac:spMkLst>
            <pc:docMk/>
            <pc:sldMk cId="1712534184" sldId="618"/>
            <ac:spMk id="4" creationId="{DBA79B4C-3FC5-40F2-9B53-62691603916D}"/>
          </ac:spMkLst>
        </pc:spChg>
        <pc:spChg chg="mod ord">
          <ac:chgData name="Maja Johanne Fröling" userId="S::mafl@kp.dk::d6d35f67-c6c9-437d-8f6d-d29a3f816a1c" providerId="AD" clId="Web-{012FEBD5-7B0D-4C21-839A-E07A6077A633}" dt="2022-02-09T09:50:44.261" v="301"/>
          <ac:spMkLst>
            <pc:docMk/>
            <pc:sldMk cId="1712534184" sldId="618"/>
            <ac:spMk id="6" creationId="{D3B6B173-99DE-4162-B897-FCAF7A14CAB6}"/>
          </ac:spMkLst>
        </pc:spChg>
        <pc:spChg chg="mod">
          <ac:chgData name="Maja Johanne Fröling" userId="S::mafl@kp.dk::d6d35f67-c6c9-437d-8f6d-d29a3f816a1c" providerId="AD" clId="Web-{012FEBD5-7B0D-4C21-839A-E07A6077A633}" dt="2022-02-09T09:51:18.137" v="313" actId="14100"/>
          <ac:spMkLst>
            <pc:docMk/>
            <pc:sldMk cId="1712534184" sldId="618"/>
            <ac:spMk id="8" creationId="{C32367FF-1908-4992-B463-0BE9E0D67959}"/>
          </ac:spMkLst>
        </pc:spChg>
        <pc:spChg chg="mod">
          <ac:chgData name="Maja Johanne Fröling" userId="S::mafl@kp.dk::d6d35f67-c6c9-437d-8f6d-d29a3f816a1c" providerId="AD" clId="Web-{012FEBD5-7B0D-4C21-839A-E07A6077A633}" dt="2022-02-09T09:51:42.138" v="318"/>
          <ac:spMkLst>
            <pc:docMk/>
            <pc:sldMk cId="1712534184" sldId="618"/>
            <ac:spMk id="12" creationId="{C181F7DB-B801-484F-9EE9-B4798345AE28}"/>
          </ac:spMkLst>
        </pc:spChg>
        <pc:spChg chg="mod">
          <ac:chgData name="Maja Johanne Fröling" userId="S::mafl@kp.dk::d6d35f67-c6c9-437d-8f6d-d29a3f816a1c" providerId="AD" clId="Web-{012FEBD5-7B0D-4C21-839A-E07A6077A633}" dt="2022-02-09T09:59:06.822" v="352" actId="1076"/>
          <ac:spMkLst>
            <pc:docMk/>
            <pc:sldMk cId="1712534184" sldId="618"/>
            <ac:spMk id="13" creationId="{1053D0FA-2D79-4907-9A94-DA2B13DE792E}"/>
          </ac:spMkLst>
        </pc:spChg>
        <pc:graphicFrameChg chg="mod modGraphic">
          <ac:chgData name="Maja Johanne Fröling" userId="S::mafl@kp.dk::d6d35f67-c6c9-437d-8f6d-d29a3f816a1c" providerId="AD" clId="Web-{012FEBD5-7B0D-4C21-839A-E07A6077A633}" dt="2022-02-09T09:59:03.415" v="350"/>
          <ac:graphicFrameMkLst>
            <pc:docMk/>
            <pc:sldMk cId="1712534184" sldId="618"/>
            <ac:graphicFrameMk id="11" creationId="{2A1CF871-D292-4509-9C31-22D7E96A585E}"/>
          </ac:graphicFrameMkLst>
        </pc:graphicFrameChg>
        <pc:picChg chg="add del mod">
          <ac:chgData name="Maja Johanne Fröling" userId="S::mafl@kp.dk::d6d35f67-c6c9-437d-8f6d-d29a3f816a1c" providerId="AD" clId="Web-{012FEBD5-7B0D-4C21-839A-E07A6077A633}" dt="2022-02-09T10:01:27.544" v="358"/>
          <ac:picMkLst>
            <pc:docMk/>
            <pc:sldMk cId="1712534184" sldId="618"/>
            <ac:picMk id="5" creationId="{F91BAEA7-5204-4923-B681-AE2783622055}"/>
          </ac:picMkLst>
        </pc:picChg>
        <pc:picChg chg="del mod">
          <ac:chgData name="Maja Johanne Fröling" userId="S::mafl@kp.dk::d6d35f67-c6c9-437d-8f6d-d29a3f816a1c" providerId="AD" clId="Web-{012FEBD5-7B0D-4C21-839A-E07A6077A633}" dt="2022-02-09T09:59:15.775" v="354"/>
          <ac:picMkLst>
            <pc:docMk/>
            <pc:sldMk cId="1712534184" sldId="618"/>
            <ac:picMk id="7" creationId="{3F323B91-8EAB-4CF2-B444-0B6CF73B6D44}"/>
          </ac:picMkLst>
        </pc:picChg>
      </pc:sldChg>
      <pc:sldChg chg="modSp modCm">
        <pc:chgData name="Maja Johanne Fröling" userId="S::mafl@kp.dk::d6d35f67-c6c9-437d-8f6d-d29a3f816a1c" providerId="AD" clId="Web-{012FEBD5-7B0D-4C21-839A-E07A6077A633}" dt="2022-02-09T09:49:42.463" v="299" actId="1076"/>
        <pc:sldMkLst>
          <pc:docMk/>
          <pc:sldMk cId="2047261995" sldId="620"/>
        </pc:sldMkLst>
        <pc:graphicFrameChg chg="mod modGraphic">
          <ac:chgData name="Maja Johanne Fröling" userId="S::mafl@kp.dk::d6d35f67-c6c9-437d-8f6d-d29a3f816a1c" providerId="AD" clId="Web-{012FEBD5-7B0D-4C21-839A-E07A6077A633}" dt="2022-02-09T09:49:42.463" v="299" actId="1076"/>
          <ac:graphicFrameMkLst>
            <pc:docMk/>
            <pc:sldMk cId="2047261995" sldId="620"/>
            <ac:graphicFrameMk id="10" creationId="{82EB9E93-CA09-40A8-9F06-086D69326664}"/>
          </ac:graphicFrameMkLst>
        </pc:graphicFrameChg>
      </pc:sldChg>
      <pc:sldChg chg="modSp new">
        <pc:chgData name="Maja Johanne Fröling" userId="S::mafl@kp.dk::d6d35f67-c6c9-437d-8f6d-d29a3f816a1c" providerId="AD" clId="Web-{012FEBD5-7B0D-4C21-839A-E07A6077A633}" dt="2022-02-09T09:58:48.649" v="324" actId="20577"/>
        <pc:sldMkLst>
          <pc:docMk/>
          <pc:sldMk cId="1352504187" sldId="623"/>
        </pc:sldMkLst>
        <pc:spChg chg="mod">
          <ac:chgData name="Maja Johanne Fröling" userId="S::mafl@kp.dk::d6d35f67-c6c9-437d-8f6d-d29a3f816a1c" providerId="AD" clId="Web-{012FEBD5-7B0D-4C21-839A-E07A6077A633}" dt="2022-02-09T09:58:48.649" v="324" actId="20577"/>
          <ac:spMkLst>
            <pc:docMk/>
            <pc:sldMk cId="1352504187" sldId="623"/>
            <ac:spMk id="3" creationId="{C01EA694-FE1A-40A1-A9F3-95FBA5EC5E3F}"/>
          </ac:spMkLst>
        </pc:spChg>
      </pc:sldChg>
    </pc:docChg>
  </pc:docChgLst>
  <pc:docChgLst>
    <pc:chgData name="Ditte Strandbygaard" userId="S::ditt@kp.dk::bb7082b2-533a-47fe-b379-178d705b7b2a" providerId="AD" clId="Web-{C1E28AA6-852A-4292-BFA3-1E6682D07593}"/>
    <pc:docChg chg="modSld">
      <pc:chgData name="Ditte Strandbygaard" userId="S::ditt@kp.dk::bb7082b2-533a-47fe-b379-178d705b7b2a" providerId="AD" clId="Web-{C1E28AA6-852A-4292-BFA3-1E6682D07593}" dt="2022-02-08T07:54:53.815" v="183" actId="20577"/>
      <pc:docMkLst>
        <pc:docMk/>
      </pc:docMkLst>
      <pc:sldChg chg="modSp">
        <pc:chgData name="Ditte Strandbygaard" userId="S::ditt@kp.dk::bb7082b2-533a-47fe-b379-178d705b7b2a" providerId="AD" clId="Web-{C1E28AA6-852A-4292-BFA3-1E6682D07593}" dt="2022-02-08T07:54:53.815" v="183" actId="20577"/>
        <pc:sldMkLst>
          <pc:docMk/>
          <pc:sldMk cId="190751606" sldId="256"/>
        </pc:sldMkLst>
        <pc:spChg chg="mod">
          <ac:chgData name="Ditte Strandbygaard" userId="S::ditt@kp.dk::bb7082b2-533a-47fe-b379-178d705b7b2a" providerId="AD" clId="Web-{C1E28AA6-852A-4292-BFA3-1E6682D07593}" dt="2022-02-08T07:54:53.815" v="183" actId="20577"/>
          <ac:spMkLst>
            <pc:docMk/>
            <pc:sldMk cId="190751606" sldId="256"/>
            <ac:spMk id="3" creationId="{00000000-0000-0000-0000-000000000000}"/>
          </ac:spMkLst>
        </pc:spChg>
      </pc:sldChg>
      <pc:sldChg chg="modSp">
        <pc:chgData name="Ditte Strandbygaard" userId="S::ditt@kp.dk::bb7082b2-533a-47fe-b379-178d705b7b2a" providerId="AD" clId="Web-{C1E28AA6-852A-4292-BFA3-1E6682D07593}" dt="2022-02-08T07:25:39.675" v="139" actId="20577"/>
        <pc:sldMkLst>
          <pc:docMk/>
          <pc:sldMk cId="2524609119" sldId="330"/>
        </pc:sldMkLst>
        <pc:spChg chg="mod">
          <ac:chgData name="Ditte Strandbygaard" userId="S::ditt@kp.dk::bb7082b2-533a-47fe-b379-178d705b7b2a" providerId="AD" clId="Web-{C1E28AA6-852A-4292-BFA3-1E6682D07593}" dt="2022-02-08T07:25:39.675" v="139" actId="20577"/>
          <ac:spMkLst>
            <pc:docMk/>
            <pc:sldMk cId="2524609119" sldId="330"/>
            <ac:spMk id="8" creationId="{BB634C32-62A2-4A28-A538-706E45334C2E}"/>
          </ac:spMkLst>
        </pc:spChg>
      </pc:sldChg>
      <pc:sldChg chg="modSp modCm">
        <pc:chgData name="Ditte Strandbygaard" userId="S::ditt@kp.dk::bb7082b2-533a-47fe-b379-178d705b7b2a" providerId="AD" clId="Web-{C1E28AA6-852A-4292-BFA3-1E6682D07593}" dt="2022-02-08T07:51:47.450" v="178" actId="20577"/>
        <pc:sldMkLst>
          <pc:docMk/>
          <pc:sldMk cId="2071894717" sldId="331"/>
        </pc:sldMkLst>
        <pc:spChg chg="mod">
          <ac:chgData name="Ditte Strandbygaard" userId="S::ditt@kp.dk::bb7082b2-533a-47fe-b379-178d705b7b2a" providerId="AD" clId="Web-{C1E28AA6-852A-4292-BFA3-1E6682D07593}" dt="2022-02-08T07:35:02.111" v="156" actId="20577"/>
          <ac:spMkLst>
            <pc:docMk/>
            <pc:sldMk cId="2071894717" sldId="331"/>
            <ac:spMk id="3" creationId="{1A7672D0-508E-40DA-9F86-825BB7C4DB4B}"/>
          </ac:spMkLst>
        </pc:spChg>
        <pc:spChg chg="mod">
          <ac:chgData name="Ditte Strandbygaard" userId="S::ditt@kp.dk::bb7082b2-533a-47fe-b379-178d705b7b2a" providerId="AD" clId="Web-{C1E28AA6-852A-4292-BFA3-1E6682D07593}" dt="2022-02-08T07:51:47.450" v="178" actId="20577"/>
          <ac:spMkLst>
            <pc:docMk/>
            <pc:sldMk cId="2071894717" sldId="331"/>
            <ac:spMk id="11" creationId="{A234D38C-0A8B-4418-81EB-D4D7F17CD2CA}"/>
          </ac:spMkLst>
        </pc:spChg>
      </pc:sldChg>
      <pc:sldChg chg="modSp">
        <pc:chgData name="Ditte Strandbygaard" userId="S::ditt@kp.dk::bb7082b2-533a-47fe-b379-178d705b7b2a" providerId="AD" clId="Web-{C1E28AA6-852A-4292-BFA3-1E6682D07593}" dt="2022-02-08T07:17:29.912" v="119" actId="20577"/>
        <pc:sldMkLst>
          <pc:docMk/>
          <pc:sldMk cId="456610205" sldId="619"/>
        </pc:sldMkLst>
        <pc:spChg chg="mod">
          <ac:chgData name="Ditte Strandbygaard" userId="S::ditt@kp.dk::bb7082b2-533a-47fe-b379-178d705b7b2a" providerId="AD" clId="Web-{C1E28AA6-852A-4292-BFA3-1E6682D07593}" dt="2022-02-08T07:17:29.912" v="119" actId="20577"/>
          <ac:spMkLst>
            <pc:docMk/>
            <pc:sldMk cId="456610205" sldId="619"/>
            <ac:spMk id="5" creationId="{00000000-0000-0000-0000-000000000000}"/>
          </ac:spMkLst>
        </pc:spChg>
      </pc:sldChg>
    </pc:docChg>
  </pc:docChgLst>
  <pc:docChgLst>
    <pc:chgData name="Maja Johanne Fröling" userId="S::mafl@kp.dk::d6d35f67-c6c9-437d-8f6d-d29a3f816a1c" providerId="AD" clId="Web-{5D7D8D4C-F1FF-4F59-933F-EDD8055F84B0}"/>
    <pc:docChg chg="modSld">
      <pc:chgData name="Maja Johanne Fröling" userId="S::mafl@kp.dk::d6d35f67-c6c9-437d-8f6d-d29a3f816a1c" providerId="AD" clId="Web-{5D7D8D4C-F1FF-4F59-933F-EDD8055F84B0}" dt="2022-02-09T09:22:41.142" v="6" actId="20577"/>
      <pc:docMkLst>
        <pc:docMk/>
      </pc:docMkLst>
      <pc:sldChg chg="modSp">
        <pc:chgData name="Maja Johanne Fröling" userId="S::mafl@kp.dk::d6d35f67-c6c9-437d-8f6d-d29a3f816a1c" providerId="AD" clId="Web-{5D7D8D4C-F1FF-4F59-933F-EDD8055F84B0}" dt="2022-02-09T09:22:34.735" v="2" actId="20577"/>
        <pc:sldMkLst>
          <pc:docMk/>
          <pc:sldMk cId="2304504296" sldId="324"/>
        </pc:sldMkLst>
        <pc:spChg chg="mod">
          <ac:chgData name="Maja Johanne Fröling" userId="S::mafl@kp.dk::d6d35f67-c6c9-437d-8f6d-d29a3f816a1c" providerId="AD" clId="Web-{5D7D8D4C-F1FF-4F59-933F-EDD8055F84B0}" dt="2022-02-09T09:22:34.735" v="2" actId="20577"/>
          <ac:spMkLst>
            <pc:docMk/>
            <pc:sldMk cId="2304504296" sldId="324"/>
            <ac:spMk id="9" creationId="{57711D23-F776-4D0C-9F4C-9EA5208D91AE}"/>
          </ac:spMkLst>
        </pc:spChg>
      </pc:sldChg>
      <pc:sldChg chg="modSp modCm">
        <pc:chgData name="Maja Johanne Fröling" userId="S::mafl@kp.dk::d6d35f67-c6c9-437d-8f6d-d29a3f816a1c" providerId="AD" clId="Web-{5D7D8D4C-F1FF-4F59-933F-EDD8055F84B0}" dt="2022-02-09T09:22:41.142" v="6" actId="20577"/>
        <pc:sldMkLst>
          <pc:docMk/>
          <pc:sldMk cId="2080231096" sldId="327"/>
        </pc:sldMkLst>
        <pc:spChg chg="mod">
          <ac:chgData name="Maja Johanne Fröling" userId="S::mafl@kp.dk::d6d35f67-c6c9-437d-8f6d-d29a3f816a1c" providerId="AD" clId="Web-{5D7D8D4C-F1FF-4F59-933F-EDD8055F84B0}" dt="2022-02-09T09:22:41.142" v="6" actId="20577"/>
          <ac:spMkLst>
            <pc:docMk/>
            <pc:sldMk cId="2080231096" sldId="327"/>
            <ac:spMk id="5" creationId="{DB96A3A9-3DB4-4780-9126-90CD9CBB62F0}"/>
          </ac:spMkLst>
        </pc:spChg>
      </pc:sldChg>
    </pc:docChg>
  </pc:docChgLst>
  <pc:docChgLst>
    <pc:chgData name="Ditte Strandbygaard" userId="S::ditt@kp.dk::bb7082b2-533a-47fe-b379-178d705b7b2a" providerId="AD" clId="Web-{45703867-2C38-4056-96E5-36D2E81B3053}"/>
    <pc:docChg chg="modSld">
      <pc:chgData name="Ditte Strandbygaard" userId="S::ditt@kp.dk::bb7082b2-533a-47fe-b379-178d705b7b2a" providerId="AD" clId="Web-{45703867-2C38-4056-96E5-36D2E81B3053}" dt="2022-02-21T14:07:46.757" v="12" actId="20577"/>
      <pc:docMkLst>
        <pc:docMk/>
      </pc:docMkLst>
      <pc:sldChg chg="modSp">
        <pc:chgData name="Ditte Strandbygaard" userId="S::ditt@kp.dk::bb7082b2-533a-47fe-b379-178d705b7b2a" providerId="AD" clId="Web-{45703867-2C38-4056-96E5-36D2E81B3053}" dt="2022-02-21T14:07:46.757" v="12" actId="20577"/>
        <pc:sldMkLst>
          <pc:docMk/>
          <pc:sldMk cId="882225522" sldId="328"/>
        </pc:sldMkLst>
        <pc:spChg chg="mod">
          <ac:chgData name="Ditte Strandbygaard" userId="S::ditt@kp.dk::bb7082b2-533a-47fe-b379-178d705b7b2a" providerId="AD" clId="Web-{45703867-2C38-4056-96E5-36D2E81B3053}" dt="2022-02-21T14:07:46.757" v="12" actId="20577"/>
          <ac:spMkLst>
            <pc:docMk/>
            <pc:sldMk cId="882225522" sldId="328"/>
            <ac:spMk id="4" creationId="{492191E9-2ADC-4CD8-8A7B-5FA575A36546}"/>
          </ac:spMkLst>
        </pc:spChg>
        <pc:spChg chg="mod">
          <ac:chgData name="Ditte Strandbygaard" userId="S::ditt@kp.dk::bb7082b2-533a-47fe-b379-178d705b7b2a" providerId="AD" clId="Web-{45703867-2C38-4056-96E5-36D2E81B3053}" dt="2022-02-21T14:07:13.068" v="2" actId="20577"/>
          <ac:spMkLst>
            <pc:docMk/>
            <pc:sldMk cId="882225522" sldId="328"/>
            <ac:spMk id="7" creationId="{EE523BA4-DCDA-43EB-88F8-B9BE16E17394}"/>
          </ac:spMkLst>
        </pc:spChg>
      </pc:sldChg>
    </pc:docChg>
  </pc:docChgLst>
  <pc:docChgLst>
    <pc:chgData name="Ditte Strandbygaard" userId="S::ditt@kp.dk::bb7082b2-533a-47fe-b379-178d705b7b2a" providerId="AD" clId="Web-{5AC240D1-B5D5-41AA-8DFA-28DB992EF8FE}"/>
    <pc:docChg chg="modSld sldOrd">
      <pc:chgData name="Ditte Strandbygaard" userId="S::ditt@kp.dk::bb7082b2-533a-47fe-b379-178d705b7b2a" providerId="AD" clId="Web-{5AC240D1-B5D5-41AA-8DFA-28DB992EF8FE}" dt="2022-02-21T12:26:01.604" v="28" actId="20577"/>
      <pc:docMkLst>
        <pc:docMk/>
      </pc:docMkLst>
      <pc:sldChg chg="modSp ord">
        <pc:chgData name="Ditte Strandbygaard" userId="S::ditt@kp.dk::bb7082b2-533a-47fe-b379-178d705b7b2a" providerId="AD" clId="Web-{5AC240D1-B5D5-41AA-8DFA-28DB992EF8FE}" dt="2022-02-21T12:26:01.604" v="28" actId="20577"/>
        <pc:sldMkLst>
          <pc:docMk/>
          <pc:sldMk cId="1433528592" sldId="313"/>
        </pc:sldMkLst>
        <pc:spChg chg="mod">
          <ac:chgData name="Ditte Strandbygaard" userId="S::ditt@kp.dk::bb7082b2-533a-47fe-b379-178d705b7b2a" providerId="AD" clId="Web-{5AC240D1-B5D5-41AA-8DFA-28DB992EF8FE}" dt="2022-02-21T12:24:58.900" v="21" actId="20577"/>
          <ac:spMkLst>
            <pc:docMk/>
            <pc:sldMk cId="1433528592" sldId="313"/>
            <ac:spMk id="2" creationId="{7C881064-F758-45AC-834A-5EBD5CDBE970}"/>
          </ac:spMkLst>
        </pc:spChg>
        <pc:spChg chg="mod">
          <ac:chgData name="Ditte Strandbygaard" userId="S::ditt@kp.dk::bb7082b2-533a-47fe-b379-178d705b7b2a" providerId="AD" clId="Web-{5AC240D1-B5D5-41AA-8DFA-28DB992EF8FE}" dt="2022-02-21T12:26:01.604" v="28" actId="20577"/>
          <ac:spMkLst>
            <pc:docMk/>
            <pc:sldMk cId="1433528592" sldId="313"/>
            <ac:spMk id="3" creationId="{8AA913CD-317B-4D18-A321-E8749D34B67E}"/>
          </ac:spMkLst>
        </pc:spChg>
      </pc:sldChg>
    </pc:docChg>
  </pc:docChgLst>
  <pc:docChgLst>
    <pc:chgData name="Maja Johanne Fröling" userId="S::mafl@kp.dk::d6d35f67-c6c9-437d-8f6d-d29a3f816a1c" providerId="AD" clId="Web-{B2361091-E736-465E-B243-4DE963A0CE0B}"/>
    <pc:docChg chg="modSld">
      <pc:chgData name="Maja Johanne Fröling" userId="S::mafl@kp.dk::d6d35f67-c6c9-437d-8f6d-d29a3f816a1c" providerId="AD" clId="Web-{B2361091-E736-465E-B243-4DE963A0CE0B}" dt="2022-02-10T07:28:12.911" v="5"/>
      <pc:docMkLst>
        <pc:docMk/>
      </pc:docMkLst>
      <pc:sldChg chg="modSp">
        <pc:chgData name="Maja Johanne Fröling" userId="S::mafl@kp.dk::d6d35f67-c6c9-437d-8f6d-d29a3f816a1c" providerId="AD" clId="Web-{B2361091-E736-465E-B243-4DE963A0CE0B}" dt="2022-02-10T07:28:12.911" v="5"/>
        <pc:sldMkLst>
          <pc:docMk/>
          <pc:sldMk cId="2047261995" sldId="620"/>
        </pc:sldMkLst>
        <pc:graphicFrameChg chg="mod modGraphic">
          <ac:chgData name="Maja Johanne Fröling" userId="S::mafl@kp.dk::d6d35f67-c6c9-437d-8f6d-d29a3f816a1c" providerId="AD" clId="Web-{B2361091-E736-465E-B243-4DE963A0CE0B}" dt="2022-02-10T07:28:12.911" v="5"/>
          <ac:graphicFrameMkLst>
            <pc:docMk/>
            <pc:sldMk cId="2047261995" sldId="620"/>
            <ac:graphicFrameMk id="10" creationId="{82EB9E93-CA09-40A8-9F06-086D69326664}"/>
          </ac:graphicFrameMkLst>
        </pc:graphicFrameChg>
      </pc:sldChg>
    </pc:docChg>
  </pc:docChgLst>
  <pc:docChgLst>
    <pc:chgData name="Maja Johanne Fröling" userId="S::mafl@kp.dk::d6d35f67-c6c9-437d-8f6d-d29a3f816a1c" providerId="AD" clId="Web-{8937BA3D-B340-442B-979E-D9AEA93800C1}"/>
    <pc:docChg chg="modSld">
      <pc:chgData name="Maja Johanne Fröling" userId="S::mafl@kp.dk::d6d35f67-c6c9-437d-8f6d-d29a3f816a1c" providerId="AD" clId="Web-{8937BA3D-B340-442B-979E-D9AEA93800C1}" dt="2022-03-18T10:48:36.123" v="86" actId="20577"/>
      <pc:docMkLst>
        <pc:docMk/>
      </pc:docMkLst>
      <pc:sldChg chg="addSp delSp modSp mod modClrScheme chgLayout">
        <pc:chgData name="Maja Johanne Fröling" userId="S::mafl@kp.dk::d6d35f67-c6c9-437d-8f6d-d29a3f816a1c" providerId="AD" clId="Web-{8937BA3D-B340-442B-979E-D9AEA93800C1}" dt="2022-03-18T10:48:36.123" v="86" actId="20577"/>
        <pc:sldMkLst>
          <pc:docMk/>
          <pc:sldMk cId="1352504187" sldId="623"/>
        </pc:sldMkLst>
        <pc:spChg chg="add del mod ord">
          <ac:chgData name="Maja Johanne Fröling" userId="S::mafl@kp.dk::d6d35f67-c6c9-437d-8f6d-d29a3f816a1c" providerId="AD" clId="Web-{8937BA3D-B340-442B-979E-D9AEA93800C1}" dt="2022-03-18T10:46:23.526" v="22"/>
          <ac:spMkLst>
            <pc:docMk/>
            <pc:sldMk cId="1352504187" sldId="623"/>
            <ac:spMk id="2" creationId="{EF5101C7-661E-4A71-9886-42F5290161C7}"/>
          </ac:spMkLst>
        </pc:spChg>
        <pc:spChg chg="add del mod ord">
          <ac:chgData name="Maja Johanne Fröling" userId="S::mafl@kp.dk::d6d35f67-c6c9-437d-8f6d-d29a3f816a1c" providerId="AD" clId="Web-{8937BA3D-B340-442B-979E-D9AEA93800C1}" dt="2022-03-18T10:46:08.353" v="15"/>
          <ac:spMkLst>
            <pc:docMk/>
            <pc:sldMk cId="1352504187" sldId="623"/>
            <ac:spMk id="3" creationId="{D0A8656A-13B5-479F-93C0-9A40A3AC9946}"/>
          </ac:spMkLst>
        </pc:spChg>
        <pc:spChg chg="mod ord">
          <ac:chgData name="Maja Johanne Fröling" userId="S::mafl@kp.dk::d6d35f67-c6c9-437d-8f6d-d29a3f816a1c" providerId="AD" clId="Web-{8937BA3D-B340-442B-979E-D9AEA93800C1}" dt="2022-03-18T10:46:02.322" v="10"/>
          <ac:spMkLst>
            <pc:docMk/>
            <pc:sldMk cId="1352504187" sldId="623"/>
            <ac:spMk id="4" creationId="{5C48956F-C870-46BC-A157-6A6F7C07E810}"/>
          </ac:spMkLst>
        </pc:spChg>
        <pc:spChg chg="add mod ord">
          <ac:chgData name="Maja Johanne Fröling" userId="S::mafl@kp.dk::d6d35f67-c6c9-437d-8f6d-d29a3f816a1c" providerId="AD" clId="Web-{8937BA3D-B340-442B-979E-D9AEA93800C1}" dt="2022-03-18T10:48:36.123" v="86" actId="20577"/>
          <ac:spMkLst>
            <pc:docMk/>
            <pc:sldMk cId="1352504187" sldId="623"/>
            <ac:spMk id="5" creationId="{9CCE3A63-E6B0-422E-9034-47AFCF26A148}"/>
          </ac:spMkLst>
        </pc:spChg>
        <pc:spChg chg="mod ord">
          <ac:chgData name="Maja Johanne Fröling" userId="S::mafl@kp.dk::d6d35f67-c6c9-437d-8f6d-d29a3f816a1c" providerId="AD" clId="Web-{8937BA3D-B340-442B-979E-D9AEA93800C1}" dt="2022-03-18T10:46:18.885" v="20" actId="1076"/>
          <ac:spMkLst>
            <pc:docMk/>
            <pc:sldMk cId="1352504187" sldId="623"/>
            <ac:spMk id="7" creationId="{E98B318E-5BD3-47A1-891D-0417C4B8D62E}"/>
          </ac:spMkLst>
        </pc:spChg>
        <pc:spChg chg="del mod">
          <ac:chgData name="Maja Johanne Fröling" userId="S::mafl@kp.dk::d6d35f67-c6c9-437d-8f6d-d29a3f816a1c" providerId="AD" clId="Web-{8937BA3D-B340-442B-979E-D9AEA93800C1}" dt="2022-03-18T10:47:03.449" v="39"/>
          <ac:spMkLst>
            <pc:docMk/>
            <pc:sldMk cId="1352504187" sldId="623"/>
            <ac:spMk id="8" creationId="{17F35E7A-710F-4BE2-9D3F-4F619DF5646E}"/>
          </ac:spMkLst>
        </pc:spChg>
        <pc:spChg chg="mod">
          <ac:chgData name="Maja Johanne Fröling" userId="S::mafl@kp.dk::d6d35f67-c6c9-437d-8f6d-d29a3f816a1c" providerId="AD" clId="Web-{8937BA3D-B340-442B-979E-D9AEA93800C1}" dt="2022-03-18T10:46:31.448" v="26" actId="1076"/>
          <ac:spMkLst>
            <pc:docMk/>
            <pc:sldMk cId="1352504187" sldId="623"/>
            <ac:spMk id="11" creationId="{4F313E81-446E-4ACF-A213-3C0C3FFEB28A}"/>
          </ac:spMkLst>
        </pc:spChg>
        <pc:graphicFrameChg chg="mod">
          <ac:chgData name="Maja Johanne Fröling" userId="S::mafl@kp.dk::d6d35f67-c6c9-437d-8f6d-d29a3f816a1c" providerId="AD" clId="Web-{8937BA3D-B340-442B-979E-D9AEA93800C1}" dt="2022-03-18T10:46:38.917" v="29" actId="14100"/>
          <ac:graphicFrameMkLst>
            <pc:docMk/>
            <pc:sldMk cId="1352504187" sldId="623"/>
            <ac:graphicFrameMk id="10" creationId="{50CC0B4E-F0E2-4A18-AB28-C360C0904304}"/>
          </ac:graphicFrameMkLst>
        </pc:graphicFrameChg>
      </pc:sldChg>
      <pc:sldChg chg="modSp">
        <pc:chgData name="Maja Johanne Fröling" userId="S::mafl@kp.dk::d6d35f67-c6c9-437d-8f6d-d29a3f816a1c" providerId="AD" clId="Web-{8937BA3D-B340-442B-979E-D9AEA93800C1}" dt="2022-03-18T10:45:54.197" v="9" actId="20577"/>
        <pc:sldMkLst>
          <pc:docMk/>
          <pc:sldMk cId="2950231413" sldId="624"/>
        </pc:sldMkLst>
        <pc:spChg chg="mod">
          <ac:chgData name="Maja Johanne Fröling" userId="S::mafl@kp.dk::d6d35f67-c6c9-437d-8f6d-d29a3f816a1c" providerId="AD" clId="Web-{8937BA3D-B340-442B-979E-D9AEA93800C1}" dt="2022-03-18T10:45:54.197" v="9" actId="20577"/>
          <ac:spMkLst>
            <pc:docMk/>
            <pc:sldMk cId="2950231413" sldId="624"/>
            <ac:spMk id="12" creationId="{E4454EB6-F01B-42E3-AF9E-AC3F3FD92C54}"/>
          </ac:spMkLst>
        </pc:spChg>
      </pc:sldChg>
    </pc:docChg>
  </pc:docChgLst>
  <pc:docChgLst>
    <pc:chgData name="Ditte Strandbygaard" userId="S::ditt@kp.dk::bb7082b2-533a-47fe-b379-178d705b7b2a" providerId="AD" clId="Web-{6DFC1EE5-37FA-4653-BC98-79E6F6B3767E}"/>
    <pc:docChg chg="modSld">
      <pc:chgData name="Ditte Strandbygaard" userId="S::ditt@kp.dk::bb7082b2-533a-47fe-b379-178d705b7b2a" providerId="AD" clId="Web-{6DFC1EE5-37FA-4653-BC98-79E6F6B3767E}" dt="2022-02-07T12:28:44.602" v="23" actId="20577"/>
      <pc:docMkLst>
        <pc:docMk/>
      </pc:docMkLst>
      <pc:sldChg chg="modSp">
        <pc:chgData name="Ditte Strandbygaard" userId="S::ditt@kp.dk::bb7082b2-533a-47fe-b379-178d705b7b2a" providerId="AD" clId="Web-{6DFC1EE5-37FA-4653-BC98-79E6F6B3767E}" dt="2022-02-07T12:28:44.602" v="23" actId="20577"/>
        <pc:sldMkLst>
          <pc:docMk/>
          <pc:sldMk cId="2080231096" sldId="327"/>
        </pc:sldMkLst>
        <pc:spChg chg="mod">
          <ac:chgData name="Ditte Strandbygaard" userId="S::ditt@kp.dk::bb7082b2-533a-47fe-b379-178d705b7b2a" providerId="AD" clId="Web-{6DFC1EE5-37FA-4653-BC98-79E6F6B3767E}" dt="2022-02-07T12:28:44.602" v="23" actId="20577"/>
          <ac:spMkLst>
            <pc:docMk/>
            <pc:sldMk cId="2080231096" sldId="327"/>
            <ac:spMk id="3" creationId="{3D017A1C-49A6-4D02-A0E1-1D62AB93B2C0}"/>
          </ac:spMkLst>
        </pc:spChg>
      </pc:sldChg>
    </pc:docChg>
  </pc:docChgLst>
  <pc:docChgLst>
    <pc:chgData name="Ditte Strandbygaard" userId="S::ditt@kp.dk::bb7082b2-533a-47fe-b379-178d705b7b2a" providerId="AD" clId="Web-{B33EF7A2-1BB7-446D-97FF-1E5D7E5BF06C}"/>
    <pc:docChg chg="modSld">
      <pc:chgData name="Ditte Strandbygaard" userId="S::ditt@kp.dk::bb7082b2-533a-47fe-b379-178d705b7b2a" providerId="AD" clId="Web-{B33EF7A2-1BB7-446D-97FF-1E5D7E5BF06C}" dt="2022-02-04T08:08:45.807" v="21" actId="20577"/>
      <pc:docMkLst>
        <pc:docMk/>
      </pc:docMkLst>
      <pc:sldChg chg="modSp modCm">
        <pc:chgData name="Ditte Strandbygaard" userId="S::ditt@kp.dk::bb7082b2-533a-47fe-b379-178d705b7b2a" providerId="AD" clId="Web-{B33EF7A2-1BB7-446D-97FF-1E5D7E5BF06C}" dt="2022-02-04T08:08:45.807" v="21" actId="20577"/>
        <pc:sldMkLst>
          <pc:docMk/>
          <pc:sldMk cId="218865380" sldId="315"/>
        </pc:sldMkLst>
        <pc:spChg chg="mod">
          <ac:chgData name="Ditte Strandbygaard" userId="S::ditt@kp.dk::bb7082b2-533a-47fe-b379-178d705b7b2a" providerId="AD" clId="Web-{B33EF7A2-1BB7-446D-97FF-1E5D7E5BF06C}" dt="2022-02-04T08:08:45.807" v="21" actId="20577"/>
          <ac:spMkLst>
            <pc:docMk/>
            <pc:sldMk cId="218865380" sldId="315"/>
            <ac:spMk id="3" creationId="{00000000-0000-0000-0000-000000000000}"/>
          </ac:spMkLst>
        </pc:spChg>
      </pc:sldChg>
    </pc:docChg>
  </pc:docChgLst>
  <pc:docChgLst>
    <pc:chgData name="Ditte Strandbygaard" userId="bb7082b2-533a-47fe-b379-178d705b7b2a" providerId="ADAL" clId="{71B50540-DFA6-47EA-9315-C74A48650DEC}"/>
    <pc:docChg chg="undo custSel addSld modSld sldOrd">
      <pc:chgData name="Ditte Strandbygaard" userId="bb7082b2-533a-47fe-b379-178d705b7b2a" providerId="ADAL" clId="{71B50540-DFA6-47EA-9315-C74A48650DEC}" dt="2022-03-21T11:56:21.167" v="10976" actId="12"/>
      <pc:docMkLst>
        <pc:docMk/>
      </pc:docMkLst>
      <pc:sldChg chg="modSp mod addCm delCm modCm">
        <pc:chgData name="Ditte Strandbygaard" userId="bb7082b2-533a-47fe-b379-178d705b7b2a" providerId="ADAL" clId="{71B50540-DFA6-47EA-9315-C74A48650DEC}" dt="2022-03-18T09:15:25.036" v="10346" actId="20577"/>
        <pc:sldMkLst>
          <pc:docMk/>
          <pc:sldMk cId="190751606" sldId="256"/>
        </pc:sldMkLst>
        <pc:spChg chg="mod">
          <ac:chgData name="Ditte Strandbygaard" userId="bb7082b2-533a-47fe-b379-178d705b7b2a" providerId="ADAL" clId="{71B50540-DFA6-47EA-9315-C74A48650DEC}" dt="2022-03-18T09:15:25.036" v="10346" actId="20577"/>
          <ac:spMkLst>
            <pc:docMk/>
            <pc:sldMk cId="190751606" sldId="256"/>
            <ac:spMk id="3" creationId="{00000000-0000-0000-0000-000000000000}"/>
          </ac:spMkLst>
        </pc:spChg>
      </pc:sldChg>
      <pc:sldChg chg="modSp mod">
        <pc:chgData name="Ditte Strandbygaard" userId="bb7082b2-533a-47fe-b379-178d705b7b2a" providerId="ADAL" clId="{71B50540-DFA6-47EA-9315-C74A48650DEC}" dt="2022-03-18T10:11:47.236" v="10726" actId="114"/>
        <pc:sldMkLst>
          <pc:docMk/>
          <pc:sldMk cId="1433528592" sldId="313"/>
        </pc:sldMkLst>
        <pc:spChg chg="mod">
          <ac:chgData name="Ditte Strandbygaard" userId="bb7082b2-533a-47fe-b379-178d705b7b2a" providerId="ADAL" clId="{71B50540-DFA6-47EA-9315-C74A48650DEC}" dt="2022-03-18T10:11:47.236" v="10726" actId="114"/>
          <ac:spMkLst>
            <pc:docMk/>
            <pc:sldMk cId="1433528592" sldId="313"/>
            <ac:spMk id="3" creationId="{8AA913CD-317B-4D18-A321-E8749D34B67E}"/>
          </ac:spMkLst>
        </pc:spChg>
      </pc:sldChg>
      <pc:sldChg chg="modSp mod ord delCm">
        <pc:chgData name="Ditte Strandbygaard" userId="bb7082b2-533a-47fe-b379-178d705b7b2a" providerId="ADAL" clId="{71B50540-DFA6-47EA-9315-C74A48650DEC}" dt="2022-03-17T11:53:52.177" v="8158" actId="14100"/>
        <pc:sldMkLst>
          <pc:docMk/>
          <pc:sldMk cId="218865380" sldId="315"/>
        </pc:sldMkLst>
        <pc:spChg chg="mod">
          <ac:chgData name="Ditte Strandbygaard" userId="bb7082b2-533a-47fe-b379-178d705b7b2a" providerId="ADAL" clId="{71B50540-DFA6-47EA-9315-C74A48650DEC}" dt="2022-03-17T11:53:42.532" v="8157" actId="20577"/>
          <ac:spMkLst>
            <pc:docMk/>
            <pc:sldMk cId="218865380" sldId="315"/>
            <ac:spMk id="3" creationId="{00000000-0000-0000-0000-000000000000}"/>
          </ac:spMkLst>
        </pc:spChg>
        <pc:picChg chg="mod">
          <ac:chgData name="Ditte Strandbygaard" userId="bb7082b2-533a-47fe-b379-178d705b7b2a" providerId="ADAL" clId="{71B50540-DFA6-47EA-9315-C74A48650DEC}" dt="2022-03-17T11:53:52.177" v="8158" actId="14100"/>
          <ac:picMkLst>
            <pc:docMk/>
            <pc:sldMk cId="218865380" sldId="315"/>
            <ac:picMk id="10" creationId="{C6BAB114-9E3F-4CFF-8152-61F16DBC9F4B}"/>
          </ac:picMkLst>
        </pc:picChg>
      </pc:sldChg>
      <pc:sldChg chg="addSp delSp modSp mod">
        <pc:chgData name="Ditte Strandbygaard" userId="bb7082b2-533a-47fe-b379-178d705b7b2a" providerId="ADAL" clId="{71B50540-DFA6-47EA-9315-C74A48650DEC}" dt="2022-03-18T08:47:18.095" v="9845" actId="6549"/>
        <pc:sldMkLst>
          <pc:docMk/>
          <pc:sldMk cId="1396860009" sldId="316"/>
        </pc:sldMkLst>
        <pc:spChg chg="mod">
          <ac:chgData name="Ditte Strandbygaard" userId="bb7082b2-533a-47fe-b379-178d705b7b2a" providerId="ADAL" clId="{71B50540-DFA6-47EA-9315-C74A48650DEC}" dt="2022-02-21T15:51:52.936" v="3869" actId="14100"/>
          <ac:spMkLst>
            <pc:docMk/>
            <pc:sldMk cId="1396860009" sldId="316"/>
            <ac:spMk id="2" creationId="{D60C7B35-5EB3-4849-AB39-1409391DF64A}"/>
          </ac:spMkLst>
        </pc:spChg>
        <pc:spChg chg="mod">
          <ac:chgData name="Ditte Strandbygaard" userId="bb7082b2-533a-47fe-b379-178d705b7b2a" providerId="ADAL" clId="{71B50540-DFA6-47EA-9315-C74A48650DEC}" dt="2022-03-18T08:47:18.095" v="9845" actId="6549"/>
          <ac:spMkLst>
            <pc:docMk/>
            <pc:sldMk cId="1396860009" sldId="316"/>
            <ac:spMk id="3" creationId="{3BB81614-F725-4CF1-B223-D6DCEF023423}"/>
          </ac:spMkLst>
        </pc:spChg>
        <pc:spChg chg="del">
          <ac:chgData name="Ditte Strandbygaard" userId="bb7082b2-533a-47fe-b379-178d705b7b2a" providerId="ADAL" clId="{71B50540-DFA6-47EA-9315-C74A48650DEC}" dt="2022-02-07T12:52:59.821" v="1637" actId="478"/>
          <ac:spMkLst>
            <pc:docMk/>
            <pc:sldMk cId="1396860009" sldId="316"/>
            <ac:spMk id="4" creationId="{0532A72F-9570-49FE-B14E-DC453FC6F6CE}"/>
          </ac:spMkLst>
        </pc:spChg>
        <pc:spChg chg="add del mod">
          <ac:chgData name="Ditte Strandbygaard" userId="bb7082b2-533a-47fe-b379-178d705b7b2a" providerId="ADAL" clId="{71B50540-DFA6-47EA-9315-C74A48650DEC}" dt="2022-03-17T11:59:59.530" v="8311" actId="478"/>
          <ac:spMkLst>
            <pc:docMk/>
            <pc:sldMk cId="1396860009" sldId="316"/>
            <ac:spMk id="4" creationId="{44EC2C31-0A0B-4A3A-B40F-F3D5F7F60BB0}"/>
          </ac:spMkLst>
        </pc:spChg>
        <pc:spChg chg="add del mod">
          <ac:chgData name="Ditte Strandbygaard" userId="bb7082b2-533a-47fe-b379-178d705b7b2a" providerId="ADAL" clId="{71B50540-DFA6-47EA-9315-C74A48650DEC}" dt="2022-02-07T12:53:07.581" v="1638" actId="478"/>
          <ac:spMkLst>
            <pc:docMk/>
            <pc:sldMk cId="1396860009" sldId="316"/>
            <ac:spMk id="6" creationId="{22342E4A-CE7F-4B21-AEB2-E8F278881E7C}"/>
          </ac:spMkLst>
        </pc:spChg>
        <pc:spChg chg="mod">
          <ac:chgData name="Ditte Strandbygaard" userId="bb7082b2-533a-47fe-b379-178d705b7b2a" providerId="ADAL" clId="{71B50540-DFA6-47EA-9315-C74A48650DEC}" dt="2022-03-17T11:59:56.223" v="8310" actId="14100"/>
          <ac:spMkLst>
            <pc:docMk/>
            <pc:sldMk cId="1396860009" sldId="316"/>
            <ac:spMk id="7" creationId="{C710769E-3C81-48DB-8D33-AF74B6A2FD5E}"/>
          </ac:spMkLst>
        </pc:spChg>
      </pc:sldChg>
      <pc:sldChg chg="modSp mod">
        <pc:chgData name="Ditte Strandbygaard" userId="bb7082b2-533a-47fe-b379-178d705b7b2a" providerId="ADAL" clId="{71B50540-DFA6-47EA-9315-C74A48650DEC}" dt="2022-03-16T13:44:28.596" v="8058" actId="20577"/>
        <pc:sldMkLst>
          <pc:docMk/>
          <pc:sldMk cId="1401214022" sldId="325"/>
        </pc:sldMkLst>
        <pc:spChg chg="mod">
          <ac:chgData name="Ditte Strandbygaard" userId="bb7082b2-533a-47fe-b379-178d705b7b2a" providerId="ADAL" clId="{71B50540-DFA6-47EA-9315-C74A48650DEC}" dt="2022-03-16T13:44:28.596" v="8058" actId="20577"/>
          <ac:spMkLst>
            <pc:docMk/>
            <pc:sldMk cId="1401214022" sldId="325"/>
            <ac:spMk id="9" creationId="{00000000-0000-0000-0000-000000000000}"/>
          </ac:spMkLst>
        </pc:spChg>
      </pc:sldChg>
      <pc:sldChg chg="modSp mod delCm modCm">
        <pc:chgData name="Ditte Strandbygaard" userId="bb7082b2-533a-47fe-b379-178d705b7b2a" providerId="ADAL" clId="{71B50540-DFA6-47EA-9315-C74A48650DEC}" dt="2022-03-18T10:10:10.264" v="10723" actId="114"/>
        <pc:sldMkLst>
          <pc:docMk/>
          <pc:sldMk cId="4074299677" sldId="326"/>
        </pc:sldMkLst>
        <pc:spChg chg="mod">
          <ac:chgData name="Ditte Strandbygaard" userId="bb7082b2-533a-47fe-b379-178d705b7b2a" providerId="ADAL" clId="{71B50540-DFA6-47EA-9315-C74A48650DEC}" dt="2022-03-18T10:08:54.977" v="10717" actId="1076"/>
          <ac:spMkLst>
            <pc:docMk/>
            <pc:sldMk cId="4074299677" sldId="326"/>
            <ac:spMk id="2" creationId="{9D146C5C-6EFF-4FAC-926C-C1466D2190A4}"/>
          </ac:spMkLst>
        </pc:spChg>
        <pc:spChg chg="mod">
          <ac:chgData name="Ditte Strandbygaard" userId="bb7082b2-533a-47fe-b379-178d705b7b2a" providerId="ADAL" clId="{71B50540-DFA6-47EA-9315-C74A48650DEC}" dt="2022-03-18T10:10:10.264" v="10723" actId="114"/>
          <ac:spMkLst>
            <pc:docMk/>
            <pc:sldMk cId="4074299677" sldId="326"/>
            <ac:spMk id="3" creationId="{71BBB99B-AC69-4402-8EA0-134607652028}"/>
          </ac:spMkLst>
        </pc:spChg>
        <pc:spChg chg="mod">
          <ac:chgData name="Ditte Strandbygaard" userId="bb7082b2-533a-47fe-b379-178d705b7b2a" providerId="ADAL" clId="{71B50540-DFA6-47EA-9315-C74A48650DEC}" dt="2022-02-03T17:05:04.577" v="89" actId="2711"/>
          <ac:spMkLst>
            <pc:docMk/>
            <pc:sldMk cId="4074299677" sldId="326"/>
            <ac:spMk id="5" creationId="{989FE881-5107-4296-9604-048E6CF24DDB}"/>
          </ac:spMkLst>
        </pc:spChg>
      </pc:sldChg>
      <pc:sldChg chg="modSp mod ord addCm delCm modCm">
        <pc:chgData name="Ditte Strandbygaard" userId="bb7082b2-533a-47fe-b379-178d705b7b2a" providerId="ADAL" clId="{71B50540-DFA6-47EA-9315-C74A48650DEC}" dt="2022-03-17T11:54:57.619" v="8160" actId="255"/>
        <pc:sldMkLst>
          <pc:docMk/>
          <pc:sldMk cId="2080231096" sldId="327"/>
        </pc:sldMkLst>
        <pc:spChg chg="mod">
          <ac:chgData name="Ditte Strandbygaard" userId="bb7082b2-533a-47fe-b379-178d705b7b2a" providerId="ADAL" clId="{71B50540-DFA6-47EA-9315-C74A48650DEC}" dt="2022-03-04T16:03:57.522" v="4844" actId="1076"/>
          <ac:spMkLst>
            <pc:docMk/>
            <pc:sldMk cId="2080231096" sldId="327"/>
            <ac:spMk id="2" creationId="{F3F90805-57DC-43A1-8471-F0BEB0531CDE}"/>
          </ac:spMkLst>
        </pc:spChg>
        <pc:spChg chg="mod">
          <ac:chgData name="Ditte Strandbygaard" userId="bb7082b2-533a-47fe-b379-178d705b7b2a" providerId="ADAL" clId="{71B50540-DFA6-47EA-9315-C74A48650DEC}" dt="2022-03-17T11:54:57.619" v="8160" actId="255"/>
          <ac:spMkLst>
            <pc:docMk/>
            <pc:sldMk cId="2080231096" sldId="327"/>
            <ac:spMk id="3" creationId="{3D017A1C-49A6-4D02-A0E1-1D62AB93B2C0}"/>
          </ac:spMkLst>
        </pc:spChg>
        <pc:spChg chg="mod">
          <ac:chgData name="Ditte Strandbygaard" userId="bb7082b2-533a-47fe-b379-178d705b7b2a" providerId="ADAL" clId="{71B50540-DFA6-47EA-9315-C74A48650DEC}" dt="2022-02-09T12:43:27.275" v="1877" actId="20577"/>
          <ac:spMkLst>
            <pc:docMk/>
            <pc:sldMk cId="2080231096" sldId="327"/>
            <ac:spMk id="5" creationId="{DB96A3A9-3DB4-4780-9126-90CD9CBB62F0}"/>
          </ac:spMkLst>
        </pc:spChg>
      </pc:sldChg>
      <pc:sldChg chg="delSp modSp mod addCm delCm modCm">
        <pc:chgData name="Ditte Strandbygaard" userId="bb7082b2-533a-47fe-b379-178d705b7b2a" providerId="ADAL" clId="{71B50540-DFA6-47EA-9315-C74A48650DEC}" dt="2022-03-21T11:56:21.167" v="10976" actId="12"/>
        <pc:sldMkLst>
          <pc:docMk/>
          <pc:sldMk cId="882225522" sldId="328"/>
        </pc:sldMkLst>
        <pc:spChg chg="mod">
          <ac:chgData name="Ditte Strandbygaard" userId="bb7082b2-533a-47fe-b379-178d705b7b2a" providerId="ADAL" clId="{71B50540-DFA6-47EA-9315-C74A48650DEC}" dt="2022-03-21T11:53:35.174" v="10974" actId="255"/>
          <ac:spMkLst>
            <pc:docMk/>
            <pc:sldMk cId="882225522" sldId="328"/>
            <ac:spMk id="2" creationId="{14AF84E1-1AC3-4EBB-964C-D94025ECB1FA}"/>
          </ac:spMkLst>
        </pc:spChg>
        <pc:spChg chg="mod">
          <ac:chgData name="Ditte Strandbygaard" userId="bb7082b2-533a-47fe-b379-178d705b7b2a" providerId="ADAL" clId="{71B50540-DFA6-47EA-9315-C74A48650DEC}" dt="2022-03-21T11:56:21.167" v="10976" actId="12"/>
          <ac:spMkLst>
            <pc:docMk/>
            <pc:sldMk cId="882225522" sldId="328"/>
            <ac:spMk id="4" creationId="{492191E9-2ADC-4CD8-8A7B-5FA575A36546}"/>
          </ac:spMkLst>
        </pc:spChg>
        <pc:spChg chg="del">
          <ac:chgData name="Ditte Strandbygaard" userId="bb7082b2-533a-47fe-b379-178d705b7b2a" providerId="ADAL" clId="{71B50540-DFA6-47EA-9315-C74A48650DEC}" dt="2022-02-21T12:37:56.674" v="2146" actId="478"/>
          <ac:spMkLst>
            <pc:docMk/>
            <pc:sldMk cId="882225522" sldId="328"/>
            <ac:spMk id="6" creationId="{13A08559-9AF6-4029-9205-D5AE81150F6E}"/>
          </ac:spMkLst>
        </pc:spChg>
        <pc:spChg chg="mod">
          <ac:chgData name="Ditte Strandbygaard" userId="bb7082b2-533a-47fe-b379-178d705b7b2a" providerId="ADAL" clId="{71B50540-DFA6-47EA-9315-C74A48650DEC}" dt="2022-03-18T09:00:13.608" v="9884" actId="20577"/>
          <ac:spMkLst>
            <pc:docMk/>
            <pc:sldMk cId="882225522" sldId="328"/>
            <ac:spMk id="7" creationId="{EE523BA4-DCDA-43EB-88F8-B9BE16E17394}"/>
          </ac:spMkLst>
        </pc:spChg>
      </pc:sldChg>
      <pc:sldChg chg="modSp mod addCm delCm modCm modNotesTx">
        <pc:chgData name="Ditte Strandbygaard" userId="bb7082b2-533a-47fe-b379-178d705b7b2a" providerId="ADAL" clId="{71B50540-DFA6-47EA-9315-C74A48650DEC}" dt="2022-03-17T16:46:19.616" v="9842" actId="5793"/>
        <pc:sldMkLst>
          <pc:docMk/>
          <pc:sldMk cId="2524609119" sldId="330"/>
        </pc:sldMkLst>
        <pc:spChg chg="mod">
          <ac:chgData name="Ditte Strandbygaard" userId="bb7082b2-533a-47fe-b379-178d705b7b2a" providerId="ADAL" clId="{71B50540-DFA6-47EA-9315-C74A48650DEC}" dt="2022-02-21T13:11:17.134" v="3863" actId="21"/>
          <ac:spMkLst>
            <pc:docMk/>
            <pc:sldMk cId="2524609119" sldId="330"/>
            <ac:spMk id="3" creationId="{6B180D92-8524-43E8-9EED-A4FF3E7757FB}"/>
          </ac:spMkLst>
        </pc:spChg>
        <pc:spChg chg="mod">
          <ac:chgData name="Ditte Strandbygaard" userId="bb7082b2-533a-47fe-b379-178d705b7b2a" providerId="ADAL" clId="{71B50540-DFA6-47EA-9315-C74A48650DEC}" dt="2022-03-17T16:46:19.616" v="9842" actId="5793"/>
          <ac:spMkLst>
            <pc:docMk/>
            <pc:sldMk cId="2524609119" sldId="330"/>
            <ac:spMk id="8" creationId="{BB634C32-62A2-4A28-A538-706E45334C2E}"/>
          </ac:spMkLst>
        </pc:spChg>
      </pc:sldChg>
      <pc:sldChg chg="addSp modSp mod delCm modCm">
        <pc:chgData name="Ditte Strandbygaard" userId="bb7082b2-533a-47fe-b379-178d705b7b2a" providerId="ADAL" clId="{71B50540-DFA6-47EA-9315-C74A48650DEC}" dt="2022-03-18T09:11:18.709" v="10306" actId="20577"/>
        <pc:sldMkLst>
          <pc:docMk/>
          <pc:sldMk cId="2071894717" sldId="331"/>
        </pc:sldMkLst>
        <pc:spChg chg="mod">
          <ac:chgData name="Ditte Strandbygaard" userId="bb7082b2-533a-47fe-b379-178d705b7b2a" providerId="ADAL" clId="{71B50540-DFA6-47EA-9315-C74A48650DEC}" dt="2022-03-18T09:05:05.250" v="9930" actId="14100"/>
          <ac:spMkLst>
            <pc:docMk/>
            <pc:sldMk cId="2071894717" sldId="331"/>
            <ac:spMk id="2" creationId="{CFEC95B3-E0E8-446B-872D-D3BE96C318BD}"/>
          </ac:spMkLst>
        </pc:spChg>
        <pc:spChg chg="mod">
          <ac:chgData name="Ditte Strandbygaard" userId="bb7082b2-533a-47fe-b379-178d705b7b2a" providerId="ADAL" clId="{71B50540-DFA6-47EA-9315-C74A48650DEC}" dt="2022-03-18T09:11:18.709" v="10306" actId="20577"/>
          <ac:spMkLst>
            <pc:docMk/>
            <pc:sldMk cId="2071894717" sldId="331"/>
            <ac:spMk id="3" creationId="{1A7672D0-508E-40DA-9F86-825BB7C4DB4B}"/>
          </ac:spMkLst>
        </pc:spChg>
        <pc:spChg chg="add mod">
          <ac:chgData name="Ditte Strandbygaard" userId="bb7082b2-533a-47fe-b379-178d705b7b2a" providerId="ADAL" clId="{71B50540-DFA6-47EA-9315-C74A48650DEC}" dt="2022-03-18T09:11:01.898" v="10304"/>
          <ac:spMkLst>
            <pc:docMk/>
            <pc:sldMk cId="2071894717" sldId="331"/>
            <ac:spMk id="8" creationId="{E84ACA1A-43E3-44AB-9622-93089FEAB4C3}"/>
          </ac:spMkLst>
        </pc:spChg>
        <pc:spChg chg="mod">
          <ac:chgData name="Ditte Strandbygaard" userId="bb7082b2-533a-47fe-b379-178d705b7b2a" providerId="ADAL" clId="{71B50540-DFA6-47EA-9315-C74A48650DEC}" dt="2022-03-18T09:04:51.323" v="9928" actId="20577"/>
          <ac:spMkLst>
            <pc:docMk/>
            <pc:sldMk cId="2071894717" sldId="331"/>
            <ac:spMk id="11" creationId="{A234D38C-0A8B-4418-81EB-D4D7F17CD2CA}"/>
          </ac:spMkLst>
        </pc:spChg>
        <pc:graphicFrameChg chg="mod modGraphic">
          <ac:chgData name="Ditte Strandbygaard" userId="bb7082b2-533a-47fe-b379-178d705b7b2a" providerId="ADAL" clId="{71B50540-DFA6-47EA-9315-C74A48650DEC}" dt="2022-03-18T09:04:41.822" v="9924" actId="1076"/>
          <ac:graphicFrameMkLst>
            <pc:docMk/>
            <pc:sldMk cId="2071894717" sldId="331"/>
            <ac:graphicFrameMk id="4" creationId="{0BE9CCD7-64CB-4D9A-843C-CDF583238203}"/>
          </ac:graphicFrameMkLst>
        </pc:graphicFrameChg>
        <pc:graphicFrameChg chg="add mod">
          <ac:chgData name="Ditte Strandbygaard" userId="bb7082b2-533a-47fe-b379-178d705b7b2a" providerId="ADAL" clId="{71B50540-DFA6-47EA-9315-C74A48650DEC}" dt="2022-03-18T09:05:19.299" v="9933" actId="1076"/>
          <ac:graphicFrameMkLst>
            <pc:docMk/>
            <pc:sldMk cId="2071894717" sldId="331"/>
            <ac:graphicFrameMk id="7" creationId="{A47884F7-A15E-476A-8B3C-6456B8481D54}"/>
          </ac:graphicFrameMkLst>
        </pc:graphicFrameChg>
      </pc:sldChg>
      <pc:sldChg chg="modSp mod modShow addCm delCm modCm">
        <pc:chgData name="Ditte Strandbygaard" userId="bb7082b2-533a-47fe-b379-178d705b7b2a" providerId="ADAL" clId="{71B50540-DFA6-47EA-9315-C74A48650DEC}" dt="2022-03-11T12:08:15.709" v="7434" actId="729"/>
        <pc:sldMkLst>
          <pc:docMk/>
          <pc:sldMk cId="1684268491" sldId="579"/>
        </pc:sldMkLst>
        <pc:spChg chg="mod">
          <ac:chgData name="Ditte Strandbygaard" userId="bb7082b2-533a-47fe-b379-178d705b7b2a" providerId="ADAL" clId="{71B50540-DFA6-47EA-9315-C74A48650DEC}" dt="2022-03-11T10:30:14.546" v="5979" actId="20577"/>
          <ac:spMkLst>
            <pc:docMk/>
            <pc:sldMk cId="1684268491" sldId="579"/>
            <ac:spMk id="8" creationId="{45EC2D40-7B80-48A6-9261-4C6245A9A45C}"/>
          </ac:spMkLst>
        </pc:spChg>
      </pc:sldChg>
      <pc:sldChg chg="modSp mod addCm modCm">
        <pc:chgData name="Ditte Strandbygaard" userId="bb7082b2-533a-47fe-b379-178d705b7b2a" providerId="ADAL" clId="{71B50540-DFA6-47EA-9315-C74A48650DEC}" dt="2022-02-10T12:07:18.681" v="2019"/>
        <pc:sldMkLst>
          <pc:docMk/>
          <pc:sldMk cId="1712534184" sldId="618"/>
        </pc:sldMkLst>
        <pc:spChg chg="mod">
          <ac:chgData name="Ditte Strandbygaard" userId="bb7082b2-533a-47fe-b379-178d705b7b2a" providerId="ADAL" clId="{71B50540-DFA6-47EA-9315-C74A48650DEC}" dt="2022-02-03T15:27:34.580" v="85" actId="20577"/>
          <ac:spMkLst>
            <pc:docMk/>
            <pc:sldMk cId="1712534184" sldId="618"/>
            <ac:spMk id="2" creationId="{815202B1-6CB1-4FC4-9D6F-AD5298FBAC78}"/>
          </ac:spMkLst>
        </pc:spChg>
      </pc:sldChg>
      <pc:sldChg chg="modSp mod ord delCm modCm modNotesTx">
        <pc:chgData name="Ditte Strandbygaard" userId="bb7082b2-533a-47fe-b379-178d705b7b2a" providerId="ADAL" clId="{71B50540-DFA6-47EA-9315-C74A48650DEC}" dt="2022-03-18T09:19:32.220" v="10610" actId="20577"/>
        <pc:sldMkLst>
          <pc:docMk/>
          <pc:sldMk cId="456610205" sldId="619"/>
        </pc:sldMkLst>
        <pc:spChg chg="mod">
          <ac:chgData name="Ditte Strandbygaard" userId="bb7082b2-533a-47fe-b379-178d705b7b2a" providerId="ADAL" clId="{71B50540-DFA6-47EA-9315-C74A48650DEC}" dt="2022-03-18T09:19:32.220" v="10610" actId="20577"/>
          <ac:spMkLst>
            <pc:docMk/>
            <pc:sldMk cId="456610205" sldId="619"/>
            <ac:spMk id="2" creationId="{00000000-0000-0000-0000-000000000000}"/>
          </ac:spMkLst>
        </pc:spChg>
        <pc:spChg chg="mod">
          <ac:chgData name="Ditte Strandbygaard" userId="bb7082b2-533a-47fe-b379-178d705b7b2a" providerId="ADAL" clId="{71B50540-DFA6-47EA-9315-C74A48650DEC}" dt="2022-03-17T12:34:46.584" v="9241" actId="255"/>
          <ac:spMkLst>
            <pc:docMk/>
            <pc:sldMk cId="456610205" sldId="619"/>
            <ac:spMk id="5" creationId="{00000000-0000-0000-0000-000000000000}"/>
          </ac:spMkLst>
        </pc:spChg>
      </pc:sldChg>
      <pc:sldChg chg="modSp mod ord addCm modCm">
        <pc:chgData name="Ditte Strandbygaard" userId="bb7082b2-533a-47fe-b379-178d705b7b2a" providerId="ADAL" clId="{71B50540-DFA6-47EA-9315-C74A48650DEC}" dt="2022-03-17T12:32:01.641" v="8910"/>
        <pc:sldMkLst>
          <pc:docMk/>
          <pc:sldMk cId="2047261995" sldId="620"/>
        </pc:sldMkLst>
        <pc:spChg chg="mod">
          <ac:chgData name="Ditte Strandbygaard" userId="bb7082b2-533a-47fe-b379-178d705b7b2a" providerId="ADAL" clId="{71B50540-DFA6-47EA-9315-C74A48650DEC}" dt="2022-02-10T12:03:10.668" v="2016" actId="20577"/>
          <ac:spMkLst>
            <pc:docMk/>
            <pc:sldMk cId="2047261995" sldId="620"/>
            <ac:spMk id="12" creationId="{C4BE4E4C-C6AA-4F1B-9258-51FE499FC86B}"/>
          </ac:spMkLst>
        </pc:spChg>
      </pc:sldChg>
      <pc:sldChg chg="modSp mod modCm">
        <pc:chgData name="Ditte Strandbygaard" userId="bb7082b2-533a-47fe-b379-178d705b7b2a" providerId="ADAL" clId="{71B50540-DFA6-47EA-9315-C74A48650DEC}" dt="2022-02-04T08:24:14.033" v="794"/>
        <pc:sldMkLst>
          <pc:docMk/>
          <pc:sldMk cId="1320466122" sldId="622"/>
        </pc:sldMkLst>
        <pc:spChg chg="mod">
          <ac:chgData name="Ditte Strandbygaard" userId="bb7082b2-533a-47fe-b379-178d705b7b2a" providerId="ADAL" clId="{71B50540-DFA6-47EA-9315-C74A48650DEC}" dt="2022-02-03T15:27:37.861" v="88" actId="20577"/>
          <ac:spMkLst>
            <pc:docMk/>
            <pc:sldMk cId="1320466122" sldId="622"/>
            <ac:spMk id="2" creationId="{3B4E289C-B88B-4906-B479-D7A1CA6A1CA1}"/>
          </ac:spMkLst>
        </pc:spChg>
      </pc:sldChg>
      <pc:sldChg chg="addSp modSp mod addCm">
        <pc:chgData name="Ditte Strandbygaard" userId="bb7082b2-533a-47fe-b379-178d705b7b2a" providerId="ADAL" clId="{71B50540-DFA6-47EA-9315-C74A48650DEC}" dt="2022-03-18T09:21:01.537" v="10612" actId="20577"/>
        <pc:sldMkLst>
          <pc:docMk/>
          <pc:sldMk cId="1352504187" sldId="623"/>
        </pc:sldMkLst>
        <pc:spChg chg="mod">
          <ac:chgData name="Ditte Strandbygaard" userId="bb7082b2-533a-47fe-b379-178d705b7b2a" providerId="ADAL" clId="{71B50540-DFA6-47EA-9315-C74A48650DEC}" dt="2022-02-09T12:46:45.801" v="1882" actId="2711"/>
          <ac:spMkLst>
            <pc:docMk/>
            <pc:sldMk cId="1352504187" sldId="623"/>
            <ac:spMk id="2" creationId="{4B9EB7B8-20E8-4C84-9376-6916FC8A85AA}"/>
          </ac:spMkLst>
        </pc:spChg>
        <pc:spChg chg="mod">
          <ac:chgData name="Ditte Strandbygaard" userId="bb7082b2-533a-47fe-b379-178d705b7b2a" providerId="ADAL" clId="{71B50540-DFA6-47EA-9315-C74A48650DEC}" dt="2022-03-18T09:21:01.537" v="10612" actId="20577"/>
          <ac:spMkLst>
            <pc:docMk/>
            <pc:sldMk cId="1352504187" sldId="623"/>
            <ac:spMk id="7" creationId="{E98B318E-5BD3-47A1-891D-0417C4B8D62E}"/>
          </ac:spMkLst>
        </pc:spChg>
        <pc:spChg chg="add mod">
          <ac:chgData name="Ditte Strandbygaard" userId="bb7082b2-533a-47fe-b379-178d705b7b2a" providerId="ADAL" clId="{71B50540-DFA6-47EA-9315-C74A48650DEC}" dt="2022-03-18T09:00:50.377" v="9889" actId="1076"/>
          <ac:spMkLst>
            <pc:docMk/>
            <pc:sldMk cId="1352504187" sldId="623"/>
            <ac:spMk id="8" creationId="{17F35E7A-710F-4BE2-9D3F-4F619DF5646E}"/>
          </ac:spMkLst>
        </pc:spChg>
        <pc:graphicFrameChg chg="mod">
          <ac:chgData name="Ditte Strandbygaard" userId="bb7082b2-533a-47fe-b379-178d705b7b2a" providerId="ADAL" clId="{71B50540-DFA6-47EA-9315-C74A48650DEC}" dt="2022-03-18T09:00:32.418" v="9886" actId="14100"/>
          <ac:graphicFrameMkLst>
            <pc:docMk/>
            <pc:sldMk cId="1352504187" sldId="623"/>
            <ac:graphicFrameMk id="10" creationId="{50CC0B4E-F0E2-4A18-AB28-C360C0904304}"/>
          </ac:graphicFrameMkLst>
        </pc:graphicFrameChg>
      </pc:sldChg>
      <pc:sldChg chg="addSp delSp modSp mod addCm delCm modCm">
        <pc:chgData name="Ditte Strandbygaard" userId="bb7082b2-533a-47fe-b379-178d705b7b2a" providerId="ADAL" clId="{71B50540-DFA6-47EA-9315-C74A48650DEC}" dt="2022-03-18T09:21:10.277" v="10613"/>
        <pc:sldMkLst>
          <pc:docMk/>
          <pc:sldMk cId="2950231413" sldId="624"/>
        </pc:sldMkLst>
        <pc:spChg chg="del">
          <ac:chgData name="Ditte Strandbygaard" userId="bb7082b2-533a-47fe-b379-178d705b7b2a" providerId="ADAL" clId="{71B50540-DFA6-47EA-9315-C74A48650DEC}" dt="2022-03-18T09:10:51.949" v="10303" actId="21"/>
          <ac:spMkLst>
            <pc:docMk/>
            <pc:sldMk cId="2950231413" sldId="624"/>
            <ac:spMk id="20" creationId="{DA79268E-C279-4DC1-AC55-965BEF54C6A6}"/>
          </ac:spMkLst>
        </pc:spChg>
        <pc:graphicFrameChg chg="add del modGraphic">
          <ac:chgData name="Ditte Strandbygaard" userId="bb7082b2-533a-47fe-b379-178d705b7b2a" providerId="ADAL" clId="{71B50540-DFA6-47EA-9315-C74A48650DEC}" dt="2022-03-18T09:03:52.980" v="9920" actId="478"/>
          <ac:graphicFrameMkLst>
            <pc:docMk/>
            <pc:sldMk cId="2950231413" sldId="624"/>
            <ac:graphicFrameMk id="4" creationId="{29FC4798-55F1-47C2-9DBB-324BB13A8C86}"/>
          </ac:graphicFrameMkLst>
        </pc:graphicFrameChg>
      </pc:sldChg>
      <pc:sldChg chg="delSp modSp new mod delCm">
        <pc:chgData name="Ditte Strandbygaard" userId="bb7082b2-533a-47fe-b379-178d705b7b2a" providerId="ADAL" clId="{71B50540-DFA6-47EA-9315-C74A48650DEC}" dt="2022-03-17T12:50:31.203" v="9837" actId="14100"/>
        <pc:sldMkLst>
          <pc:docMk/>
          <pc:sldMk cId="2672804096" sldId="629"/>
        </pc:sldMkLst>
        <pc:spChg chg="mod">
          <ac:chgData name="Ditte Strandbygaard" userId="bb7082b2-533a-47fe-b379-178d705b7b2a" providerId="ADAL" clId="{71B50540-DFA6-47EA-9315-C74A48650DEC}" dt="2022-03-17T12:42:15.884" v="9257" actId="1076"/>
          <ac:spMkLst>
            <pc:docMk/>
            <pc:sldMk cId="2672804096" sldId="629"/>
            <ac:spMk id="2" creationId="{8DB60526-3B81-460A-ADC2-7620FFE43189}"/>
          </ac:spMkLst>
        </pc:spChg>
        <pc:spChg chg="mod">
          <ac:chgData name="Ditte Strandbygaard" userId="bb7082b2-533a-47fe-b379-178d705b7b2a" providerId="ADAL" clId="{71B50540-DFA6-47EA-9315-C74A48650DEC}" dt="2022-03-17T12:42:11.789" v="9256" actId="1076"/>
          <ac:spMkLst>
            <pc:docMk/>
            <pc:sldMk cId="2672804096" sldId="629"/>
            <ac:spMk id="3" creationId="{17DF75D1-32BD-45DF-BD53-FAF7C04CC844}"/>
          </ac:spMkLst>
        </pc:spChg>
        <pc:spChg chg="del mod">
          <ac:chgData name="Ditte Strandbygaard" userId="bb7082b2-533a-47fe-b379-178d705b7b2a" providerId="ADAL" clId="{71B50540-DFA6-47EA-9315-C74A48650DEC}" dt="2022-03-11T08:53:00.530" v="5008" actId="478"/>
          <ac:spMkLst>
            <pc:docMk/>
            <pc:sldMk cId="2672804096" sldId="629"/>
            <ac:spMk id="4" creationId="{EFFF5746-3BA5-4611-B3D0-75407BB30A96}"/>
          </ac:spMkLst>
        </pc:spChg>
        <pc:spChg chg="mod">
          <ac:chgData name="Ditte Strandbygaard" userId="bb7082b2-533a-47fe-b379-178d705b7b2a" providerId="ADAL" clId="{71B50540-DFA6-47EA-9315-C74A48650DEC}" dt="2022-03-17T12:50:31.203" v="9837" actId="14100"/>
          <ac:spMkLst>
            <pc:docMk/>
            <pc:sldMk cId="2672804096" sldId="629"/>
            <ac:spMk id="5" creationId="{B299673D-500F-4D14-9006-3F72EA7FAB16}"/>
          </ac:spMkLst>
        </pc:spChg>
      </pc:sldChg>
      <pc:sldChg chg="addSp delSp modSp new mod ord">
        <pc:chgData name="Ditte Strandbygaard" userId="bb7082b2-533a-47fe-b379-178d705b7b2a" providerId="ADAL" clId="{71B50540-DFA6-47EA-9315-C74A48650DEC}" dt="2022-03-14T12:38:49.679" v="7920" actId="20577"/>
        <pc:sldMkLst>
          <pc:docMk/>
          <pc:sldMk cId="689579708" sldId="630"/>
        </pc:sldMkLst>
        <pc:spChg chg="del mod">
          <ac:chgData name="Ditte Strandbygaard" userId="bb7082b2-533a-47fe-b379-178d705b7b2a" providerId="ADAL" clId="{71B50540-DFA6-47EA-9315-C74A48650DEC}" dt="2022-03-14T12:23:44.753" v="7526" actId="478"/>
          <ac:spMkLst>
            <pc:docMk/>
            <pc:sldMk cId="689579708" sldId="630"/>
            <ac:spMk id="2" creationId="{63F89780-038E-42A7-B1F0-6F57B2E1B62F}"/>
          </ac:spMkLst>
        </pc:spChg>
        <pc:graphicFrameChg chg="add mod modGraphic">
          <ac:chgData name="Ditte Strandbygaard" userId="bb7082b2-533a-47fe-b379-178d705b7b2a" providerId="ADAL" clId="{71B50540-DFA6-47EA-9315-C74A48650DEC}" dt="2022-03-14T12:38:49.679" v="7920" actId="20577"/>
          <ac:graphicFrameMkLst>
            <pc:docMk/>
            <pc:sldMk cId="689579708" sldId="630"/>
            <ac:graphicFrameMk id="5" creationId="{81C598AF-01EA-429D-9BD5-2636F0C82561}"/>
          </ac:graphicFrameMkLst>
        </pc:graphicFrameChg>
      </pc:sldChg>
      <pc:sldChg chg="modSp mod delCm modCm">
        <pc:chgData name="Ditte Strandbygaard" userId="bb7082b2-533a-47fe-b379-178d705b7b2a" providerId="ADAL" clId="{71B50540-DFA6-47EA-9315-C74A48650DEC}" dt="2022-03-18T09:20:39.003" v="10611"/>
        <pc:sldMkLst>
          <pc:docMk/>
          <pc:sldMk cId="2605481509" sldId="631"/>
        </pc:sldMkLst>
        <pc:spChg chg="mod">
          <ac:chgData name="Ditte Strandbygaard" userId="bb7082b2-533a-47fe-b379-178d705b7b2a" providerId="ADAL" clId="{71B50540-DFA6-47EA-9315-C74A48650DEC}" dt="2022-03-18T09:18:12.184" v="10471" actId="20577"/>
          <ac:spMkLst>
            <pc:docMk/>
            <pc:sldMk cId="2605481509" sldId="631"/>
            <ac:spMk id="2" creationId="{20F84C4A-9CA4-40B7-954A-9A1C7B24C6B7}"/>
          </ac:spMkLst>
        </pc:spChg>
        <pc:spChg chg="mod">
          <ac:chgData name="Ditte Strandbygaard" userId="bb7082b2-533a-47fe-b379-178d705b7b2a" providerId="ADAL" clId="{71B50540-DFA6-47EA-9315-C74A48650DEC}" dt="2022-03-17T12:33:59.914" v="9213" actId="20577"/>
          <ac:spMkLst>
            <pc:docMk/>
            <pc:sldMk cId="2605481509" sldId="631"/>
            <ac:spMk id="14" creationId="{D48094EF-7E13-45F3-8BAA-CA056FC8FF8A}"/>
          </ac:spMkLst>
        </pc:spChg>
      </pc:sldChg>
    </pc:docChg>
  </pc:docChgLst>
  <pc:docChgLst>
    <pc:chgData name="Ditte Strandbygaard" userId="S::ditt@kp.dk::bb7082b2-533a-47fe-b379-178d705b7b2a" providerId="AD" clId="Web-{E25C9B5A-6D19-4767-BC52-2BF0A5680C96}"/>
    <pc:docChg chg="modSld">
      <pc:chgData name="Ditte Strandbygaard" userId="S::ditt@kp.dk::bb7082b2-533a-47fe-b379-178d705b7b2a" providerId="AD" clId="Web-{E25C9B5A-6D19-4767-BC52-2BF0A5680C96}" dt="2022-02-21T15:51:37.636" v="2" actId="20577"/>
      <pc:docMkLst>
        <pc:docMk/>
      </pc:docMkLst>
      <pc:sldChg chg="modSp">
        <pc:chgData name="Ditte Strandbygaard" userId="S::ditt@kp.dk::bb7082b2-533a-47fe-b379-178d705b7b2a" providerId="AD" clId="Web-{E25C9B5A-6D19-4767-BC52-2BF0A5680C96}" dt="2022-02-21T15:51:37.636" v="2" actId="20577"/>
        <pc:sldMkLst>
          <pc:docMk/>
          <pc:sldMk cId="1396860009" sldId="316"/>
        </pc:sldMkLst>
        <pc:spChg chg="mod">
          <ac:chgData name="Ditte Strandbygaard" userId="S::ditt@kp.dk::bb7082b2-533a-47fe-b379-178d705b7b2a" providerId="AD" clId="Web-{E25C9B5A-6D19-4767-BC52-2BF0A5680C96}" dt="2022-02-21T15:51:37.636" v="2" actId="20577"/>
          <ac:spMkLst>
            <pc:docMk/>
            <pc:sldMk cId="1396860009" sldId="316"/>
            <ac:spMk id="2" creationId="{D60C7B35-5EB3-4849-AB39-1409391DF64A}"/>
          </ac:spMkLst>
        </pc:spChg>
      </pc:sldChg>
    </pc:docChg>
  </pc:docChgLst>
  <pc:docChgLst>
    <pc:chgData name="Kirsten Balle" userId="S::kirb@kp.dk::b7e416da-d64c-4180-9f57-fecf3294df71" providerId="AD" clId="Web-{23CB35B9-5447-93FA-ABA9-AE7800008833}"/>
    <pc:docChg chg="mod modSld">
      <pc:chgData name="Kirsten Balle" userId="S::kirb@kp.dk::b7e416da-d64c-4180-9f57-fecf3294df71" providerId="AD" clId="Web-{23CB35B9-5447-93FA-ABA9-AE7800008833}" dt="2022-03-14T06:29:40.397" v="3"/>
      <pc:docMkLst>
        <pc:docMk/>
      </pc:docMkLst>
      <pc:sldChg chg="modSp">
        <pc:chgData name="Kirsten Balle" userId="S::kirb@kp.dk::b7e416da-d64c-4180-9f57-fecf3294df71" providerId="AD" clId="Web-{23CB35B9-5447-93FA-ABA9-AE7800008833}" dt="2022-03-14T06:22:34.804" v="0" actId="1076"/>
        <pc:sldMkLst>
          <pc:docMk/>
          <pc:sldMk cId="218865380" sldId="315"/>
        </pc:sldMkLst>
        <pc:picChg chg="mod">
          <ac:chgData name="Kirsten Balle" userId="S::kirb@kp.dk::b7e416da-d64c-4180-9f57-fecf3294df71" providerId="AD" clId="Web-{23CB35B9-5447-93FA-ABA9-AE7800008833}" dt="2022-03-14T06:22:34.804" v="0" actId="1076"/>
          <ac:picMkLst>
            <pc:docMk/>
            <pc:sldMk cId="218865380" sldId="315"/>
            <ac:picMk id="10" creationId="{C6BAB114-9E3F-4CFF-8152-61F16DBC9F4B}"/>
          </ac:picMkLst>
        </pc:picChg>
      </pc:sldChg>
      <pc:sldChg chg="addCm">
        <pc:chgData name="Kirsten Balle" userId="S::kirb@kp.dk::b7e416da-d64c-4180-9f57-fecf3294df71" providerId="AD" clId="Web-{23CB35B9-5447-93FA-ABA9-AE7800008833}" dt="2022-03-14T06:29:40.397" v="3"/>
        <pc:sldMkLst>
          <pc:docMk/>
          <pc:sldMk cId="2672804096" sldId="629"/>
        </pc:sldMkLst>
      </pc:sldChg>
    </pc:docChg>
  </pc:docChgLst>
  <pc:docChgLst>
    <pc:chgData name="Maja Johanne Fröling" userId="S::mafl@kp.dk::d6d35f67-c6c9-437d-8f6d-d29a3f816a1c" providerId="AD" clId="Web-{E0BC94D4-C28C-4FEC-BD0F-07860E52745E}"/>
    <pc:docChg chg="mod modSld">
      <pc:chgData name="Maja Johanne Fröling" userId="S::mafl@kp.dk::d6d35f67-c6c9-437d-8f6d-d29a3f816a1c" providerId="AD" clId="Web-{E0BC94D4-C28C-4FEC-BD0F-07860E52745E}" dt="2022-02-07T14:34:17.281" v="52"/>
      <pc:docMkLst>
        <pc:docMk/>
      </pc:docMkLst>
      <pc:sldChg chg="modSp">
        <pc:chgData name="Maja Johanne Fröling" userId="S::mafl@kp.dk::d6d35f67-c6c9-437d-8f6d-d29a3f816a1c" providerId="AD" clId="Web-{E0BC94D4-C28C-4FEC-BD0F-07860E52745E}" dt="2022-02-07T14:33:19.810" v="43" actId="20577"/>
        <pc:sldMkLst>
          <pc:docMk/>
          <pc:sldMk cId="2524609119" sldId="330"/>
        </pc:sldMkLst>
        <pc:spChg chg="mod">
          <ac:chgData name="Maja Johanne Fröling" userId="S::mafl@kp.dk::d6d35f67-c6c9-437d-8f6d-d29a3f816a1c" providerId="AD" clId="Web-{E0BC94D4-C28C-4FEC-BD0F-07860E52745E}" dt="2022-02-07T14:33:19.810" v="43" actId="20577"/>
          <ac:spMkLst>
            <pc:docMk/>
            <pc:sldMk cId="2524609119" sldId="330"/>
            <ac:spMk id="8" creationId="{BB634C32-62A2-4A28-A538-706E45334C2E}"/>
          </ac:spMkLst>
        </pc:spChg>
      </pc:sldChg>
      <pc:sldChg chg="modSp addCm">
        <pc:chgData name="Maja Johanne Fröling" userId="S::mafl@kp.dk::d6d35f67-c6c9-437d-8f6d-d29a3f816a1c" providerId="AD" clId="Web-{E0BC94D4-C28C-4FEC-BD0F-07860E52745E}" dt="2022-02-07T14:34:17.281" v="52"/>
        <pc:sldMkLst>
          <pc:docMk/>
          <pc:sldMk cId="2047261995" sldId="620"/>
        </pc:sldMkLst>
        <pc:graphicFrameChg chg="mod modGraphic">
          <ac:chgData name="Maja Johanne Fröling" userId="S::mafl@kp.dk::d6d35f67-c6c9-437d-8f6d-d29a3f816a1c" providerId="AD" clId="Web-{E0BC94D4-C28C-4FEC-BD0F-07860E52745E}" dt="2022-02-07T14:33:46.920" v="50"/>
          <ac:graphicFrameMkLst>
            <pc:docMk/>
            <pc:sldMk cId="2047261995" sldId="620"/>
            <ac:graphicFrameMk id="10" creationId="{82EB9E93-CA09-40A8-9F06-086D69326664}"/>
          </ac:graphicFrameMkLst>
        </pc:graphicFrameChg>
      </pc:sldChg>
    </pc:docChg>
  </pc:docChgLst>
  <pc:docChgLst>
    <pc:chgData name="Maja Johanne Fröling" userId="S::mafl@kp.dk::d6d35f67-c6c9-437d-8f6d-d29a3f816a1c" providerId="AD" clId="Web-{6396EBF4-1A8A-4D5E-8B00-7B4B95CBDC03}"/>
    <pc:docChg chg="modSld">
      <pc:chgData name="Maja Johanne Fröling" userId="S::mafl@kp.dk::d6d35f67-c6c9-437d-8f6d-d29a3f816a1c" providerId="AD" clId="Web-{6396EBF4-1A8A-4D5E-8B00-7B4B95CBDC03}" dt="2022-03-18T10:52:06.969" v="32" actId="1076"/>
      <pc:docMkLst>
        <pc:docMk/>
      </pc:docMkLst>
      <pc:sldChg chg="modSp mod modClrScheme chgLayout">
        <pc:chgData name="Maja Johanne Fröling" userId="S::mafl@kp.dk::d6d35f67-c6c9-437d-8f6d-d29a3f816a1c" providerId="AD" clId="Web-{6396EBF4-1A8A-4D5E-8B00-7B4B95CBDC03}" dt="2022-03-18T10:52:06.969" v="32" actId="1076"/>
        <pc:sldMkLst>
          <pc:docMk/>
          <pc:sldMk cId="2071894717" sldId="331"/>
        </pc:sldMkLst>
        <pc:spChg chg="mod ord">
          <ac:chgData name="Maja Johanne Fröling" userId="S::mafl@kp.dk::d6d35f67-c6c9-437d-8f6d-d29a3f816a1c" providerId="AD" clId="Web-{6396EBF4-1A8A-4D5E-8B00-7B4B95CBDC03}" dt="2022-03-18T10:51:51.015" v="26" actId="20577"/>
          <ac:spMkLst>
            <pc:docMk/>
            <pc:sldMk cId="2071894717" sldId="331"/>
            <ac:spMk id="2" creationId="{CFEC95B3-E0E8-446B-872D-D3BE96C318BD}"/>
          </ac:spMkLst>
        </pc:spChg>
        <pc:spChg chg="mod ord">
          <ac:chgData name="Maja Johanne Fröling" userId="S::mafl@kp.dk::d6d35f67-c6c9-437d-8f6d-d29a3f816a1c" providerId="AD" clId="Web-{6396EBF4-1A8A-4D5E-8B00-7B4B95CBDC03}" dt="2022-03-18T10:51:56.203" v="28" actId="14100"/>
          <ac:spMkLst>
            <pc:docMk/>
            <pc:sldMk cId="2071894717" sldId="331"/>
            <ac:spMk id="3" creationId="{1A7672D0-508E-40DA-9F86-825BB7C4DB4B}"/>
          </ac:spMkLst>
        </pc:spChg>
        <pc:spChg chg="mod ord">
          <ac:chgData name="Maja Johanne Fröling" userId="S::mafl@kp.dk::d6d35f67-c6c9-437d-8f6d-d29a3f816a1c" providerId="AD" clId="Web-{6396EBF4-1A8A-4D5E-8B00-7B4B95CBDC03}" dt="2022-03-18T10:50:37.151" v="1"/>
          <ac:spMkLst>
            <pc:docMk/>
            <pc:sldMk cId="2071894717" sldId="331"/>
            <ac:spMk id="6" creationId="{D6D24342-DC5E-461B-9278-11BEC1424BBC}"/>
          </ac:spMkLst>
        </pc:spChg>
        <pc:spChg chg="mod">
          <ac:chgData name="Maja Johanne Fröling" userId="S::mafl@kp.dk::d6d35f67-c6c9-437d-8f6d-d29a3f816a1c" providerId="AD" clId="Web-{6396EBF4-1A8A-4D5E-8B00-7B4B95CBDC03}" dt="2022-03-18T10:52:06.969" v="32" actId="1076"/>
          <ac:spMkLst>
            <pc:docMk/>
            <pc:sldMk cId="2071894717" sldId="331"/>
            <ac:spMk id="8" creationId="{E84ACA1A-43E3-44AB-9622-93089FEAB4C3}"/>
          </ac:spMkLst>
        </pc:spChg>
        <pc:spChg chg="mod ord">
          <ac:chgData name="Maja Johanne Fröling" userId="S::mafl@kp.dk::d6d35f67-c6c9-437d-8f6d-d29a3f816a1c" providerId="AD" clId="Web-{6396EBF4-1A8A-4D5E-8B00-7B4B95CBDC03}" dt="2022-03-18T10:52:03.157" v="30" actId="1076"/>
          <ac:spMkLst>
            <pc:docMk/>
            <pc:sldMk cId="2071894717" sldId="331"/>
            <ac:spMk id="11" creationId="{A234D38C-0A8B-4418-81EB-D4D7F17CD2CA}"/>
          </ac:spMkLst>
        </pc:spChg>
        <pc:graphicFrameChg chg="mod">
          <ac:chgData name="Maja Johanne Fröling" userId="S::mafl@kp.dk::d6d35f67-c6c9-437d-8f6d-d29a3f816a1c" providerId="AD" clId="Web-{6396EBF4-1A8A-4D5E-8B00-7B4B95CBDC03}" dt="2022-03-18T10:52:00.453" v="29" actId="1076"/>
          <ac:graphicFrameMkLst>
            <pc:docMk/>
            <pc:sldMk cId="2071894717" sldId="331"/>
            <ac:graphicFrameMk id="4" creationId="{0BE9CCD7-64CB-4D9A-843C-CDF583238203}"/>
          </ac:graphicFrameMkLst>
        </pc:graphicFrameChg>
        <pc:graphicFrameChg chg="mod">
          <ac:chgData name="Maja Johanne Fröling" userId="S::mafl@kp.dk::d6d35f67-c6c9-437d-8f6d-d29a3f816a1c" providerId="AD" clId="Web-{6396EBF4-1A8A-4D5E-8B00-7B4B95CBDC03}" dt="2022-03-18T10:52:05.297" v="31" actId="1076"/>
          <ac:graphicFrameMkLst>
            <pc:docMk/>
            <pc:sldMk cId="2071894717" sldId="331"/>
            <ac:graphicFrameMk id="7" creationId="{A47884F7-A15E-476A-8B3C-6456B8481D54}"/>
          </ac:graphicFrameMkLst>
        </pc:graphicFrameChg>
      </pc:sldChg>
    </pc:docChg>
  </pc:docChgLst>
  <pc:docChgLst>
    <pc:chgData name="Maja Johanne Fröling" userId="d6d35f67-c6c9-437d-8f6d-d29a3f816a1c" providerId="ADAL" clId="{EB1672AA-91B8-4619-B1B5-9F0B5A81D9BA}"/>
    <pc:docChg chg="undo custSel addSld delSld modSld">
      <pc:chgData name="Maja Johanne Fröling" userId="d6d35f67-c6c9-437d-8f6d-d29a3f816a1c" providerId="ADAL" clId="{EB1672AA-91B8-4619-B1B5-9F0B5A81D9BA}" dt="2022-03-22T07:40:19.710" v="8253"/>
      <pc:docMkLst>
        <pc:docMk/>
      </pc:docMkLst>
      <pc:sldChg chg="modSp mod delCm">
        <pc:chgData name="Maja Johanne Fröling" userId="d6d35f67-c6c9-437d-8f6d-d29a3f816a1c" providerId="ADAL" clId="{EB1672AA-91B8-4619-B1B5-9F0B5A81D9BA}" dt="2022-03-21T13:31:16.731" v="8082" actId="1076"/>
        <pc:sldMkLst>
          <pc:docMk/>
          <pc:sldMk cId="190751606" sldId="256"/>
        </pc:sldMkLst>
        <pc:spChg chg="mod">
          <ac:chgData name="Maja Johanne Fröling" userId="d6d35f67-c6c9-437d-8f6d-d29a3f816a1c" providerId="ADAL" clId="{EB1672AA-91B8-4619-B1B5-9F0B5A81D9BA}" dt="2022-02-03T14:51:45.780" v="2705" actId="2711"/>
          <ac:spMkLst>
            <pc:docMk/>
            <pc:sldMk cId="190751606" sldId="256"/>
            <ac:spMk id="2" creationId="{00000000-0000-0000-0000-000000000000}"/>
          </ac:spMkLst>
        </pc:spChg>
        <pc:spChg chg="mod">
          <ac:chgData name="Maja Johanne Fröling" userId="d6d35f67-c6c9-437d-8f6d-d29a3f816a1c" providerId="ADAL" clId="{EB1672AA-91B8-4619-B1B5-9F0B5A81D9BA}" dt="2022-03-21T13:31:16.731" v="8082" actId="1076"/>
          <ac:spMkLst>
            <pc:docMk/>
            <pc:sldMk cId="190751606" sldId="256"/>
            <ac:spMk id="3" creationId="{00000000-0000-0000-0000-000000000000}"/>
          </ac:spMkLst>
        </pc:spChg>
      </pc:sldChg>
      <pc:sldChg chg="delSp modSp mod modClrScheme chgLayout">
        <pc:chgData name="Maja Johanne Fröling" userId="d6d35f67-c6c9-437d-8f6d-d29a3f816a1c" providerId="ADAL" clId="{EB1672AA-91B8-4619-B1B5-9F0B5A81D9BA}" dt="2022-02-03T14:55:19.933" v="2767" actId="403"/>
        <pc:sldMkLst>
          <pc:docMk/>
          <pc:sldMk cId="1433528592" sldId="313"/>
        </pc:sldMkLst>
        <pc:spChg chg="mod ord">
          <ac:chgData name="Maja Johanne Fröling" userId="d6d35f67-c6c9-437d-8f6d-d29a3f816a1c" providerId="ADAL" clId="{EB1672AA-91B8-4619-B1B5-9F0B5A81D9BA}" dt="2022-02-03T14:55:19.933" v="2767" actId="403"/>
          <ac:spMkLst>
            <pc:docMk/>
            <pc:sldMk cId="1433528592" sldId="313"/>
            <ac:spMk id="2" creationId="{7C881064-F758-45AC-834A-5EBD5CDBE970}"/>
          </ac:spMkLst>
        </pc:spChg>
        <pc:spChg chg="mod ord">
          <ac:chgData name="Maja Johanne Fröling" userId="d6d35f67-c6c9-437d-8f6d-d29a3f816a1c" providerId="ADAL" clId="{EB1672AA-91B8-4619-B1B5-9F0B5A81D9BA}" dt="2022-02-03T14:55:14.174" v="2765" actId="255"/>
          <ac:spMkLst>
            <pc:docMk/>
            <pc:sldMk cId="1433528592" sldId="313"/>
            <ac:spMk id="3" creationId="{8AA913CD-317B-4D18-A321-E8749D34B67E}"/>
          </ac:spMkLst>
        </pc:spChg>
        <pc:spChg chg="del">
          <ac:chgData name="Maja Johanne Fröling" userId="d6d35f67-c6c9-437d-8f6d-d29a3f816a1c" providerId="ADAL" clId="{EB1672AA-91B8-4619-B1B5-9F0B5A81D9BA}" dt="2022-02-03T14:55:03.720" v="2762" actId="700"/>
          <ac:spMkLst>
            <pc:docMk/>
            <pc:sldMk cId="1433528592" sldId="313"/>
            <ac:spMk id="5" creationId="{E865B936-9A27-4B0F-9AD4-D8166B9F2276}"/>
          </ac:spMkLst>
        </pc:spChg>
        <pc:spChg chg="mod ord">
          <ac:chgData name="Maja Johanne Fröling" userId="d6d35f67-c6c9-437d-8f6d-d29a3f816a1c" providerId="ADAL" clId="{EB1672AA-91B8-4619-B1B5-9F0B5A81D9BA}" dt="2022-02-03T14:55:03.720" v="2762" actId="700"/>
          <ac:spMkLst>
            <pc:docMk/>
            <pc:sldMk cId="1433528592" sldId="313"/>
            <ac:spMk id="6" creationId="{8428DAAE-14F4-4BD1-B545-2208C97E3A3C}"/>
          </ac:spMkLst>
        </pc:spChg>
      </pc:sldChg>
      <pc:sldChg chg="modSp mod">
        <pc:chgData name="Maja Johanne Fröling" userId="d6d35f67-c6c9-437d-8f6d-d29a3f816a1c" providerId="ADAL" clId="{EB1672AA-91B8-4619-B1B5-9F0B5A81D9BA}" dt="2022-02-03T14:56:46.904" v="2787" actId="20577"/>
        <pc:sldMkLst>
          <pc:docMk/>
          <pc:sldMk cId="218865380" sldId="315"/>
        </pc:sldMkLst>
        <pc:spChg chg="mod">
          <ac:chgData name="Maja Johanne Fröling" userId="d6d35f67-c6c9-437d-8f6d-d29a3f816a1c" providerId="ADAL" clId="{EB1672AA-91B8-4619-B1B5-9F0B5A81D9BA}" dt="2022-02-03T14:39:21.449" v="2136" actId="2711"/>
          <ac:spMkLst>
            <pc:docMk/>
            <pc:sldMk cId="218865380" sldId="315"/>
            <ac:spMk id="2" creationId="{00000000-0000-0000-0000-000000000000}"/>
          </ac:spMkLst>
        </pc:spChg>
        <pc:spChg chg="mod">
          <ac:chgData name="Maja Johanne Fröling" userId="d6d35f67-c6c9-437d-8f6d-d29a3f816a1c" providerId="ADAL" clId="{EB1672AA-91B8-4619-B1B5-9F0B5A81D9BA}" dt="2022-02-03T14:56:46.904" v="2787" actId="20577"/>
          <ac:spMkLst>
            <pc:docMk/>
            <pc:sldMk cId="218865380" sldId="315"/>
            <ac:spMk id="3" creationId="{00000000-0000-0000-0000-000000000000}"/>
          </ac:spMkLst>
        </pc:spChg>
      </pc:sldChg>
      <pc:sldChg chg="delSp modSp mod">
        <pc:chgData name="Maja Johanne Fröling" userId="d6d35f67-c6c9-437d-8f6d-d29a3f816a1c" providerId="ADAL" clId="{EB1672AA-91B8-4619-B1B5-9F0B5A81D9BA}" dt="2022-03-21T08:55:29.377" v="7681" actId="20577"/>
        <pc:sldMkLst>
          <pc:docMk/>
          <pc:sldMk cId="1396860009" sldId="316"/>
        </pc:sldMkLst>
        <pc:spChg chg="mod">
          <ac:chgData name="Maja Johanne Fröling" userId="d6d35f67-c6c9-437d-8f6d-d29a3f816a1c" providerId="ADAL" clId="{EB1672AA-91B8-4619-B1B5-9F0B5A81D9BA}" dt="2022-02-03T14:43:53.788" v="2536" actId="2711"/>
          <ac:spMkLst>
            <pc:docMk/>
            <pc:sldMk cId="1396860009" sldId="316"/>
            <ac:spMk id="2" creationId="{D60C7B35-5EB3-4849-AB39-1409391DF64A}"/>
          </ac:spMkLst>
        </pc:spChg>
        <pc:spChg chg="mod">
          <ac:chgData name="Maja Johanne Fröling" userId="d6d35f67-c6c9-437d-8f6d-d29a3f816a1c" providerId="ADAL" clId="{EB1672AA-91B8-4619-B1B5-9F0B5A81D9BA}" dt="2022-03-21T08:55:29.377" v="7681" actId="20577"/>
          <ac:spMkLst>
            <pc:docMk/>
            <pc:sldMk cId="1396860009" sldId="316"/>
            <ac:spMk id="3" creationId="{3BB81614-F725-4CF1-B223-D6DCEF023423}"/>
          </ac:spMkLst>
        </pc:spChg>
        <pc:spChg chg="del">
          <ac:chgData name="Maja Johanne Fröling" userId="d6d35f67-c6c9-437d-8f6d-d29a3f816a1c" providerId="ADAL" clId="{EB1672AA-91B8-4619-B1B5-9F0B5A81D9BA}" dt="2022-02-03T15:09:24.063" v="3082" actId="478"/>
          <ac:spMkLst>
            <pc:docMk/>
            <pc:sldMk cId="1396860009" sldId="316"/>
            <ac:spMk id="5" creationId="{1FE4047F-BB52-43A7-B968-CA505A92CEE8}"/>
          </ac:spMkLst>
        </pc:spChg>
        <pc:spChg chg="mod">
          <ac:chgData name="Maja Johanne Fröling" userId="d6d35f67-c6c9-437d-8f6d-d29a3f816a1c" providerId="ADAL" clId="{EB1672AA-91B8-4619-B1B5-9F0B5A81D9BA}" dt="2022-02-21T13:59:00.628" v="6302" actId="1076"/>
          <ac:spMkLst>
            <pc:docMk/>
            <pc:sldMk cId="1396860009" sldId="316"/>
            <ac:spMk id="7" creationId="{C710769E-3C81-48DB-8D33-AF74B6A2FD5E}"/>
          </ac:spMkLst>
        </pc:spChg>
      </pc:sldChg>
      <pc:sldChg chg="modSp mod">
        <pc:chgData name="Maja Johanne Fröling" userId="d6d35f67-c6c9-437d-8f6d-d29a3f816a1c" providerId="ADAL" clId="{EB1672AA-91B8-4619-B1B5-9F0B5A81D9BA}" dt="2022-02-03T14:39:17.966" v="2135" actId="2711"/>
        <pc:sldMkLst>
          <pc:docMk/>
          <pc:sldMk cId="1401214022" sldId="325"/>
        </pc:sldMkLst>
        <pc:spChg chg="mod">
          <ac:chgData name="Maja Johanne Fröling" userId="d6d35f67-c6c9-437d-8f6d-d29a3f816a1c" providerId="ADAL" clId="{EB1672AA-91B8-4619-B1B5-9F0B5A81D9BA}" dt="2022-02-03T14:39:15.348" v="2134" actId="2711"/>
          <ac:spMkLst>
            <pc:docMk/>
            <pc:sldMk cId="1401214022" sldId="325"/>
            <ac:spMk id="2" creationId="{00000000-0000-0000-0000-000000000000}"/>
          </ac:spMkLst>
        </pc:spChg>
        <pc:spChg chg="mod">
          <ac:chgData name="Maja Johanne Fröling" userId="d6d35f67-c6c9-437d-8f6d-d29a3f816a1c" providerId="ADAL" clId="{EB1672AA-91B8-4619-B1B5-9F0B5A81D9BA}" dt="2022-02-03T14:39:17.966" v="2135" actId="2711"/>
          <ac:spMkLst>
            <pc:docMk/>
            <pc:sldMk cId="1401214022" sldId="325"/>
            <ac:spMk id="9" creationId="{00000000-0000-0000-0000-000000000000}"/>
          </ac:spMkLst>
        </pc:spChg>
      </pc:sldChg>
      <pc:sldChg chg="addSp delSp modSp mod delCm">
        <pc:chgData name="Maja Johanne Fröling" userId="d6d35f67-c6c9-437d-8f6d-d29a3f816a1c" providerId="ADAL" clId="{EB1672AA-91B8-4619-B1B5-9F0B5A81D9BA}" dt="2022-02-21T13:59:56.977" v="6312" actId="1076"/>
        <pc:sldMkLst>
          <pc:docMk/>
          <pc:sldMk cId="4074299677" sldId="326"/>
        </pc:sldMkLst>
        <pc:spChg chg="mod">
          <ac:chgData name="Maja Johanne Fröling" userId="d6d35f67-c6c9-437d-8f6d-d29a3f816a1c" providerId="ADAL" clId="{EB1672AA-91B8-4619-B1B5-9F0B5A81D9BA}" dt="2022-02-03T14:41:35.283" v="2360" actId="14100"/>
          <ac:spMkLst>
            <pc:docMk/>
            <pc:sldMk cId="4074299677" sldId="326"/>
            <ac:spMk id="2" creationId="{9D146C5C-6EFF-4FAC-926C-C1466D2190A4}"/>
          </ac:spMkLst>
        </pc:spChg>
        <pc:spChg chg="mod">
          <ac:chgData name="Maja Johanne Fröling" userId="d6d35f67-c6c9-437d-8f6d-d29a3f816a1c" providerId="ADAL" clId="{EB1672AA-91B8-4619-B1B5-9F0B5A81D9BA}" dt="2022-02-09T11:40:15.750" v="5158" actId="6549"/>
          <ac:spMkLst>
            <pc:docMk/>
            <pc:sldMk cId="4074299677" sldId="326"/>
            <ac:spMk id="3" creationId="{71BBB99B-AC69-4402-8EA0-134607652028}"/>
          </ac:spMkLst>
        </pc:spChg>
        <pc:spChg chg="del mod">
          <ac:chgData name="Maja Johanne Fröling" userId="d6d35f67-c6c9-437d-8f6d-d29a3f816a1c" providerId="ADAL" clId="{EB1672AA-91B8-4619-B1B5-9F0B5A81D9BA}" dt="2022-02-03T14:57:18.359" v="2788" actId="478"/>
          <ac:spMkLst>
            <pc:docMk/>
            <pc:sldMk cId="4074299677" sldId="326"/>
            <ac:spMk id="4" creationId="{4985DB99-1F64-4FB9-BFC7-02D487E6FE57}"/>
          </ac:spMkLst>
        </pc:spChg>
        <pc:spChg chg="mod">
          <ac:chgData name="Maja Johanne Fröling" userId="d6d35f67-c6c9-437d-8f6d-d29a3f816a1c" providerId="ADAL" clId="{EB1672AA-91B8-4619-B1B5-9F0B5A81D9BA}" dt="2022-02-21T13:59:56.977" v="6312" actId="1076"/>
          <ac:spMkLst>
            <pc:docMk/>
            <pc:sldMk cId="4074299677" sldId="326"/>
            <ac:spMk id="5" creationId="{989FE881-5107-4296-9604-048E6CF24DDB}"/>
          </ac:spMkLst>
        </pc:spChg>
        <pc:spChg chg="add del mod">
          <ac:chgData name="Maja Johanne Fröling" userId="d6d35f67-c6c9-437d-8f6d-d29a3f816a1c" providerId="ADAL" clId="{EB1672AA-91B8-4619-B1B5-9F0B5A81D9BA}" dt="2022-02-03T14:57:20.516" v="2789" actId="478"/>
          <ac:spMkLst>
            <pc:docMk/>
            <pc:sldMk cId="4074299677" sldId="326"/>
            <ac:spMk id="8" creationId="{B7A68209-2FB8-4D95-86AC-3BB349C1F940}"/>
          </ac:spMkLst>
        </pc:spChg>
      </pc:sldChg>
      <pc:sldChg chg="modSp mod">
        <pc:chgData name="Maja Johanne Fröling" userId="d6d35f67-c6c9-437d-8f6d-d29a3f816a1c" providerId="ADAL" clId="{EB1672AA-91B8-4619-B1B5-9F0B5A81D9BA}" dt="2022-02-10T08:17:23.463" v="5204" actId="20577"/>
        <pc:sldMkLst>
          <pc:docMk/>
          <pc:sldMk cId="2080231096" sldId="327"/>
        </pc:sldMkLst>
        <pc:spChg chg="mod">
          <ac:chgData name="Maja Johanne Fröling" userId="d6d35f67-c6c9-437d-8f6d-d29a3f816a1c" providerId="ADAL" clId="{EB1672AA-91B8-4619-B1B5-9F0B5A81D9BA}" dt="2022-02-03T14:42:54.990" v="2504" actId="6549"/>
          <ac:spMkLst>
            <pc:docMk/>
            <pc:sldMk cId="2080231096" sldId="327"/>
            <ac:spMk id="3" creationId="{3D017A1C-49A6-4D02-A0E1-1D62AB93B2C0}"/>
          </ac:spMkLst>
        </pc:spChg>
        <pc:spChg chg="mod">
          <ac:chgData name="Maja Johanne Fröling" userId="d6d35f67-c6c9-437d-8f6d-d29a3f816a1c" providerId="ADAL" clId="{EB1672AA-91B8-4619-B1B5-9F0B5A81D9BA}" dt="2022-02-10T08:17:23.463" v="5204" actId="20577"/>
          <ac:spMkLst>
            <pc:docMk/>
            <pc:sldMk cId="2080231096" sldId="327"/>
            <ac:spMk id="5" creationId="{DB96A3A9-3DB4-4780-9126-90CD9CBB62F0}"/>
          </ac:spMkLst>
        </pc:spChg>
      </pc:sldChg>
      <pc:sldChg chg="modSp mod delCm modCm">
        <pc:chgData name="Maja Johanne Fröling" userId="d6d35f67-c6c9-437d-8f6d-d29a3f816a1c" providerId="ADAL" clId="{EB1672AA-91B8-4619-B1B5-9F0B5A81D9BA}" dt="2022-03-17T12:41:25.335" v="6692"/>
        <pc:sldMkLst>
          <pc:docMk/>
          <pc:sldMk cId="882225522" sldId="328"/>
        </pc:sldMkLst>
        <pc:spChg chg="mod">
          <ac:chgData name="Maja Johanne Fröling" userId="d6d35f67-c6c9-437d-8f6d-d29a3f816a1c" providerId="ADAL" clId="{EB1672AA-91B8-4619-B1B5-9F0B5A81D9BA}" dt="2022-02-11T12:46:05.048" v="5758" actId="1076"/>
          <ac:spMkLst>
            <pc:docMk/>
            <pc:sldMk cId="882225522" sldId="328"/>
            <ac:spMk id="2" creationId="{14AF84E1-1AC3-4EBB-964C-D94025ECB1FA}"/>
          </ac:spMkLst>
        </pc:spChg>
        <pc:spChg chg="mod">
          <ac:chgData name="Maja Johanne Fröling" userId="d6d35f67-c6c9-437d-8f6d-d29a3f816a1c" providerId="ADAL" clId="{EB1672AA-91B8-4619-B1B5-9F0B5A81D9BA}" dt="2022-02-11T12:46:10.717" v="5760" actId="14100"/>
          <ac:spMkLst>
            <pc:docMk/>
            <pc:sldMk cId="882225522" sldId="328"/>
            <ac:spMk id="4" creationId="{492191E9-2ADC-4CD8-8A7B-5FA575A36546}"/>
          </ac:spMkLst>
        </pc:spChg>
        <pc:spChg chg="mod">
          <ac:chgData name="Maja Johanne Fröling" userId="d6d35f67-c6c9-437d-8f6d-d29a3f816a1c" providerId="ADAL" clId="{EB1672AA-91B8-4619-B1B5-9F0B5A81D9BA}" dt="2022-02-21T13:59:21.683" v="6306" actId="14100"/>
          <ac:spMkLst>
            <pc:docMk/>
            <pc:sldMk cId="882225522" sldId="328"/>
            <ac:spMk id="7" creationId="{EE523BA4-DCDA-43EB-88F8-B9BE16E17394}"/>
          </ac:spMkLst>
        </pc:spChg>
      </pc:sldChg>
      <pc:sldChg chg="delSp modSp mod addCm delCm modCm">
        <pc:chgData name="Maja Johanne Fröling" userId="d6d35f67-c6c9-437d-8f6d-d29a3f816a1c" providerId="ADAL" clId="{EB1672AA-91B8-4619-B1B5-9F0B5A81D9BA}" dt="2022-03-21T08:56:43.678" v="7713" actId="20577"/>
        <pc:sldMkLst>
          <pc:docMk/>
          <pc:sldMk cId="2524609119" sldId="330"/>
        </pc:sldMkLst>
        <pc:spChg chg="mod">
          <ac:chgData name="Maja Johanne Fröling" userId="d6d35f67-c6c9-437d-8f6d-d29a3f816a1c" providerId="ADAL" clId="{EB1672AA-91B8-4619-B1B5-9F0B5A81D9BA}" dt="2022-02-03T14:59:47.970" v="2916" actId="2711"/>
          <ac:spMkLst>
            <pc:docMk/>
            <pc:sldMk cId="2524609119" sldId="330"/>
            <ac:spMk id="2" creationId="{86CAC362-5DF2-4881-8E42-578627ACCEF7}"/>
          </ac:spMkLst>
        </pc:spChg>
        <pc:spChg chg="mod">
          <ac:chgData name="Maja Johanne Fröling" userId="d6d35f67-c6c9-437d-8f6d-d29a3f816a1c" providerId="ADAL" clId="{EB1672AA-91B8-4619-B1B5-9F0B5A81D9BA}" dt="2022-02-10T08:21:59.027" v="5215" actId="20577"/>
          <ac:spMkLst>
            <pc:docMk/>
            <pc:sldMk cId="2524609119" sldId="330"/>
            <ac:spMk id="3" creationId="{6B180D92-8524-43E8-9EED-A4FF3E7757FB}"/>
          </ac:spMkLst>
        </pc:spChg>
        <pc:spChg chg="mod">
          <ac:chgData name="Maja Johanne Fröling" userId="d6d35f67-c6c9-437d-8f6d-d29a3f816a1c" providerId="ADAL" clId="{EB1672AA-91B8-4619-B1B5-9F0B5A81D9BA}" dt="2022-03-21T08:56:43.678" v="7713" actId="20577"/>
          <ac:spMkLst>
            <pc:docMk/>
            <pc:sldMk cId="2524609119" sldId="330"/>
            <ac:spMk id="8" creationId="{BB634C32-62A2-4A28-A538-706E45334C2E}"/>
          </ac:spMkLst>
        </pc:spChg>
        <pc:graphicFrameChg chg="del">
          <ac:chgData name="Maja Johanne Fröling" userId="d6d35f67-c6c9-437d-8f6d-d29a3f816a1c" providerId="ADAL" clId="{EB1672AA-91B8-4619-B1B5-9F0B5A81D9BA}" dt="2022-02-03T12:43:09.676" v="10" actId="21"/>
          <ac:graphicFrameMkLst>
            <pc:docMk/>
            <pc:sldMk cId="2524609119" sldId="330"/>
            <ac:graphicFrameMk id="6" creationId="{AEE74215-30C3-400B-B39B-348D68A6C3AD}"/>
          </ac:graphicFrameMkLst>
        </pc:graphicFrameChg>
      </pc:sldChg>
      <pc:sldChg chg="addSp delSp modSp mod delCm chgLayout">
        <pc:chgData name="Maja Johanne Fröling" userId="d6d35f67-c6c9-437d-8f6d-d29a3f816a1c" providerId="ADAL" clId="{EB1672AA-91B8-4619-B1B5-9F0B5A81D9BA}" dt="2022-03-22T07:40:19.710" v="8253"/>
        <pc:sldMkLst>
          <pc:docMk/>
          <pc:sldMk cId="2071894717" sldId="331"/>
        </pc:sldMkLst>
        <pc:spChg chg="mod ord">
          <ac:chgData name="Maja Johanne Fröling" userId="d6d35f67-c6c9-437d-8f6d-d29a3f816a1c" providerId="ADAL" clId="{EB1672AA-91B8-4619-B1B5-9F0B5A81D9BA}" dt="2022-02-03T15:03:27.928" v="2941" actId="403"/>
          <ac:spMkLst>
            <pc:docMk/>
            <pc:sldMk cId="2071894717" sldId="331"/>
            <ac:spMk id="2" creationId="{CFEC95B3-E0E8-446B-872D-D3BE96C318BD}"/>
          </ac:spMkLst>
        </pc:spChg>
        <pc:spChg chg="mod ord">
          <ac:chgData name="Maja Johanne Fröling" userId="d6d35f67-c6c9-437d-8f6d-d29a3f816a1c" providerId="ADAL" clId="{EB1672AA-91B8-4619-B1B5-9F0B5A81D9BA}" dt="2022-02-03T15:17:08.451" v="3333" actId="13926"/>
          <ac:spMkLst>
            <pc:docMk/>
            <pc:sldMk cId="2071894717" sldId="331"/>
            <ac:spMk id="3" creationId="{1A7672D0-508E-40DA-9F86-825BB7C4DB4B}"/>
          </ac:spMkLst>
        </pc:spChg>
        <pc:spChg chg="del">
          <ac:chgData name="Maja Johanne Fröling" userId="d6d35f67-c6c9-437d-8f6d-d29a3f816a1c" providerId="ADAL" clId="{EB1672AA-91B8-4619-B1B5-9F0B5A81D9BA}" dt="2022-02-03T13:57:30.381" v="1549" actId="478"/>
          <ac:spMkLst>
            <pc:docMk/>
            <pc:sldMk cId="2071894717" sldId="331"/>
            <ac:spMk id="5" creationId="{C36A2CF7-A8D2-4719-9D72-09C55F7AC471}"/>
          </ac:spMkLst>
        </pc:spChg>
        <pc:spChg chg="del mod ord">
          <ac:chgData name="Maja Johanne Fröling" userId="d6d35f67-c6c9-437d-8f6d-d29a3f816a1c" providerId="ADAL" clId="{EB1672AA-91B8-4619-B1B5-9F0B5A81D9BA}" dt="2022-03-18T10:52:49.180" v="7549" actId="478"/>
          <ac:spMkLst>
            <pc:docMk/>
            <pc:sldMk cId="2071894717" sldId="331"/>
            <ac:spMk id="6" creationId="{D6D24342-DC5E-461B-9278-11BEC1424BBC}"/>
          </ac:spMkLst>
        </pc:spChg>
        <pc:spChg chg="add del mod">
          <ac:chgData name="Maja Johanne Fröling" userId="d6d35f67-c6c9-437d-8f6d-d29a3f816a1c" providerId="ADAL" clId="{EB1672AA-91B8-4619-B1B5-9F0B5A81D9BA}" dt="2022-02-03T13:59:45.132" v="1724" actId="6264"/>
          <ac:spMkLst>
            <pc:docMk/>
            <pc:sldMk cId="2071894717" sldId="331"/>
            <ac:spMk id="7" creationId="{B414FC92-54FF-4E9D-B37A-DD9ECC0A1050}"/>
          </ac:spMkLst>
        </pc:spChg>
        <pc:spChg chg="add del mod">
          <ac:chgData name="Maja Johanne Fröling" userId="d6d35f67-c6c9-437d-8f6d-d29a3f816a1c" providerId="ADAL" clId="{EB1672AA-91B8-4619-B1B5-9F0B5A81D9BA}" dt="2022-02-03T13:59:45.132" v="1724" actId="6264"/>
          <ac:spMkLst>
            <pc:docMk/>
            <pc:sldMk cId="2071894717" sldId="331"/>
            <ac:spMk id="8" creationId="{A9B77580-4404-42D7-96BF-73637D0B27F8}"/>
          </ac:spMkLst>
        </pc:spChg>
        <pc:spChg chg="mod">
          <ac:chgData name="Maja Johanne Fröling" userId="d6d35f67-c6c9-437d-8f6d-d29a3f816a1c" providerId="ADAL" clId="{EB1672AA-91B8-4619-B1B5-9F0B5A81D9BA}" dt="2022-03-18T10:52:36.702" v="7544" actId="1076"/>
          <ac:spMkLst>
            <pc:docMk/>
            <pc:sldMk cId="2071894717" sldId="331"/>
            <ac:spMk id="8" creationId="{E84ACA1A-43E3-44AB-9622-93089FEAB4C3}"/>
          </ac:spMkLst>
        </pc:spChg>
        <pc:spChg chg="add del mod">
          <ac:chgData name="Maja Johanne Fröling" userId="d6d35f67-c6c9-437d-8f6d-d29a3f816a1c" providerId="ADAL" clId="{EB1672AA-91B8-4619-B1B5-9F0B5A81D9BA}" dt="2022-02-03T13:59:45.132" v="1724" actId="6264"/>
          <ac:spMkLst>
            <pc:docMk/>
            <pc:sldMk cId="2071894717" sldId="331"/>
            <ac:spMk id="9" creationId="{AEE9876C-B9F2-4B5C-BDA7-8AEA4C6B9B4E}"/>
          </ac:spMkLst>
        </pc:spChg>
        <pc:spChg chg="add del mod ord">
          <ac:chgData name="Maja Johanne Fröling" userId="d6d35f67-c6c9-437d-8f6d-d29a3f816a1c" providerId="ADAL" clId="{EB1672AA-91B8-4619-B1B5-9F0B5A81D9BA}" dt="2022-02-03T13:59:53.047" v="1728" actId="478"/>
          <ac:spMkLst>
            <pc:docMk/>
            <pc:sldMk cId="2071894717" sldId="331"/>
            <ac:spMk id="10" creationId="{84C5B5E2-305F-44E2-9CF2-C417E8E1F448}"/>
          </ac:spMkLst>
        </pc:spChg>
        <pc:spChg chg="add mod ord">
          <ac:chgData name="Maja Johanne Fröling" userId="d6d35f67-c6c9-437d-8f6d-d29a3f816a1c" providerId="ADAL" clId="{EB1672AA-91B8-4619-B1B5-9F0B5A81D9BA}" dt="2022-03-21T13:27:04.144" v="8061" actId="113"/>
          <ac:spMkLst>
            <pc:docMk/>
            <pc:sldMk cId="2071894717" sldId="331"/>
            <ac:spMk id="11" creationId="{A234D38C-0A8B-4418-81EB-D4D7F17CD2CA}"/>
          </ac:spMkLst>
        </pc:spChg>
        <pc:graphicFrameChg chg="add mod modGraphic">
          <ac:chgData name="Maja Johanne Fröling" userId="d6d35f67-c6c9-437d-8f6d-d29a3f816a1c" providerId="ADAL" clId="{EB1672AA-91B8-4619-B1B5-9F0B5A81D9BA}" dt="2022-03-18T10:52:53.142" v="7550" actId="14100"/>
          <ac:graphicFrameMkLst>
            <pc:docMk/>
            <pc:sldMk cId="2071894717" sldId="331"/>
            <ac:graphicFrameMk id="4" creationId="{0BE9CCD7-64CB-4D9A-843C-CDF583238203}"/>
          </ac:graphicFrameMkLst>
        </pc:graphicFrameChg>
        <pc:graphicFrameChg chg="mod">
          <ac:chgData name="Maja Johanne Fröling" userId="d6d35f67-c6c9-437d-8f6d-d29a3f816a1c" providerId="ADAL" clId="{EB1672AA-91B8-4619-B1B5-9F0B5A81D9BA}" dt="2022-03-22T07:40:19.710" v="8253"/>
          <ac:graphicFrameMkLst>
            <pc:docMk/>
            <pc:sldMk cId="2071894717" sldId="331"/>
            <ac:graphicFrameMk id="7" creationId="{A47884F7-A15E-476A-8B3C-6456B8481D54}"/>
          </ac:graphicFrameMkLst>
        </pc:graphicFrameChg>
      </pc:sldChg>
      <pc:sldChg chg="modSp mod">
        <pc:chgData name="Maja Johanne Fröling" userId="d6d35f67-c6c9-437d-8f6d-d29a3f816a1c" providerId="ADAL" clId="{EB1672AA-91B8-4619-B1B5-9F0B5A81D9BA}" dt="2022-02-03T14:55:48.749" v="2785" actId="20577"/>
        <pc:sldMkLst>
          <pc:docMk/>
          <pc:sldMk cId="1684268491" sldId="579"/>
        </pc:sldMkLst>
        <pc:spChg chg="mod">
          <ac:chgData name="Maja Johanne Fröling" userId="d6d35f67-c6c9-437d-8f6d-d29a3f816a1c" providerId="ADAL" clId="{EB1672AA-91B8-4619-B1B5-9F0B5A81D9BA}" dt="2022-02-03T14:55:28.024" v="2769" actId="2711"/>
          <ac:spMkLst>
            <pc:docMk/>
            <pc:sldMk cId="1684268491" sldId="579"/>
            <ac:spMk id="7" creationId="{C89C7906-D4D3-4CA7-B997-C02E713BAA38}"/>
          </ac:spMkLst>
        </pc:spChg>
        <pc:spChg chg="mod">
          <ac:chgData name="Maja Johanne Fröling" userId="d6d35f67-c6c9-437d-8f6d-d29a3f816a1c" providerId="ADAL" clId="{EB1672AA-91B8-4619-B1B5-9F0B5A81D9BA}" dt="2022-02-03T14:55:48.749" v="2785" actId="20577"/>
          <ac:spMkLst>
            <pc:docMk/>
            <pc:sldMk cId="1684268491" sldId="579"/>
            <ac:spMk id="8" creationId="{45EC2D40-7B80-48A6-9261-4C6245A9A45C}"/>
          </ac:spMkLst>
        </pc:spChg>
      </pc:sldChg>
      <pc:sldChg chg="addSp delSp modSp mod modClrScheme addCm delCm modCm chgLayout modNotesTx">
        <pc:chgData name="Maja Johanne Fröling" userId="d6d35f67-c6c9-437d-8f6d-d29a3f816a1c" providerId="ADAL" clId="{EB1672AA-91B8-4619-B1B5-9F0B5A81D9BA}" dt="2022-03-21T13:29:04.307" v="8063" actId="14100"/>
        <pc:sldMkLst>
          <pc:docMk/>
          <pc:sldMk cId="1712534184" sldId="618"/>
        </pc:sldMkLst>
        <pc:spChg chg="add del mod ord">
          <ac:chgData name="Maja Johanne Fröling" userId="d6d35f67-c6c9-437d-8f6d-d29a3f816a1c" providerId="ADAL" clId="{EB1672AA-91B8-4619-B1B5-9F0B5A81D9BA}" dt="2022-02-09T10:19:49.062" v="3591" actId="478"/>
          <ac:spMkLst>
            <pc:docMk/>
            <pc:sldMk cId="1712534184" sldId="618"/>
            <ac:spMk id="2" creationId="{815202B1-6CB1-4FC4-9D6F-AD5298FBAC78}"/>
          </ac:spMkLst>
        </pc:spChg>
        <pc:spChg chg="add del mod ord">
          <ac:chgData name="Maja Johanne Fröling" userId="d6d35f67-c6c9-437d-8f6d-d29a3f816a1c" providerId="ADAL" clId="{EB1672AA-91B8-4619-B1B5-9F0B5A81D9BA}" dt="2022-02-03T12:57:00.755" v="493" actId="478"/>
          <ac:spMkLst>
            <pc:docMk/>
            <pc:sldMk cId="1712534184" sldId="618"/>
            <ac:spMk id="3" creationId="{64952FC2-019F-4A38-9283-FFA5670F9663}"/>
          </ac:spMkLst>
        </pc:spChg>
        <pc:spChg chg="mod">
          <ac:chgData name="Maja Johanne Fröling" userId="d6d35f67-c6c9-437d-8f6d-d29a3f816a1c" providerId="ADAL" clId="{EB1672AA-91B8-4619-B1B5-9F0B5A81D9BA}" dt="2022-02-11T13:08:43.511" v="6112" actId="14100"/>
          <ac:spMkLst>
            <pc:docMk/>
            <pc:sldMk cId="1712534184" sldId="618"/>
            <ac:spMk id="4" creationId="{DBA79B4C-3FC5-40F2-9B53-62691603916D}"/>
          </ac:spMkLst>
        </pc:spChg>
        <pc:spChg chg="add mod">
          <ac:chgData name="Maja Johanne Fröling" userId="d6d35f67-c6c9-437d-8f6d-d29a3f816a1c" providerId="ADAL" clId="{EB1672AA-91B8-4619-B1B5-9F0B5A81D9BA}" dt="2022-02-11T13:12:06.820" v="6119" actId="1076"/>
          <ac:spMkLst>
            <pc:docMk/>
            <pc:sldMk cId="1712534184" sldId="618"/>
            <ac:spMk id="5" creationId="{2325F070-3E32-4A1C-A6A8-50E2853AA81A}"/>
          </ac:spMkLst>
        </pc:spChg>
        <pc:spChg chg="del mod ord">
          <ac:chgData name="Maja Johanne Fröling" userId="d6d35f67-c6c9-437d-8f6d-d29a3f816a1c" providerId="ADAL" clId="{EB1672AA-91B8-4619-B1B5-9F0B5A81D9BA}" dt="2022-02-09T10:03:36.648" v="3407" actId="478"/>
          <ac:spMkLst>
            <pc:docMk/>
            <pc:sldMk cId="1712534184" sldId="618"/>
            <ac:spMk id="6" creationId="{D3B6B173-99DE-4162-B897-FCAF7A14CAB6}"/>
          </ac:spMkLst>
        </pc:spChg>
        <pc:spChg chg="del mod">
          <ac:chgData name="Maja Johanne Fröling" userId="d6d35f67-c6c9-437d-8f6d-d29a3f816a1c" providerId="ADAL" clId="{EB1672AA-91B8-4619-B1B5-9F0B5A81D9BA}" dt="2022-02-09T10:19:43.276" v="3589" actId="21"/>
          <ac:spMkLst>
            <pc:docMk/>
            <pc:sldMk cId="1712534184" sldId="618"/>
            <ac:spMk id="8" creationId="{C32367FF-1908-4992-B463-0BE9E0D67959}"/>
          </ac:spMkLst>
        </pc:spChg>
        <pc:spChg chg="del">
          <ac:chgData name="Maja Johanne Fröling" userId="d6d35f67-c6c9-437d-8f6d-d29a3f816a1c" providerId="ADAL" clId="{EB1672AA-91B8-4619-B1B5-9F0B5A81D9BA}" dt="2022-02-03T12:55:32.664" v="444" actId="21"/>
          <ac:spMkLst>
            <pc:docMk/>
            <pc:sldMk cId="1712534184" sldId="618"/>
            <ac:spMk id="10" creationId="{348998D0-B4D8-4B69-9E9A-BA837263A09C}"/>
          </ac:spMkLst>
        </pc:spChg>
        <pc:spChg chg="del mod">
          <ac:chgData name="Maja Johanne Fröling" userId="d6d35f67-c6c9-437d-8f6d-d29a3f816a1c" providerId="ADAL" clId="{EB1672AA-91B8-4619-B1B5-9F0B5A81D9BA}" dt="2022-02-09T10:20:03.728" v="3615" actId="478"/>
          <ac:spMkLst>
            <pc:docMk/>
            <pc:sldMk cId="1712534184" sldId="618"/>
            <ac:spMk id="12" creationId="{C181F7DB-B801-484F-9EE9-B4798345AE28}"/>
          </ac:spMkLst>
        </pc:spChg>
        <pc:spChg chg="del mod">
          <ac:chgData name="Maja Johanne Fröling" userId="d6d35f67-c6c9-437d-8f6d-d29a3f816a1c" providerId="ADAL" clId="{EB1672AA-91B8-4619-B1B5-9F0B5A81D9BA}" dt="2022-02-09T10:56:44.775" v="4119" actId="478"/>
          <ac:spMkLst>
            <pc:docMk/>
            <pc:sldMk cId="1712534184" sldId="618"/>
            <ac:spMk id="13" creationId="{1053D0FA-2D79-4907-9A94-DA2B13DE792E}"/>
          </ac:spMkLst>
        </pc:spChg>
        <pc:spChg chg="add del mod">
          <ac:chgData name="Maja Johanne Fröling" userId="d6d35f67-c6c9-437d-8f6d-d29a3f816a1c" providerId="ADAL" clId="{EB1672AA-91B8-4619-B1B5-9F0B5A81D9BA}" dt="2022-02-09T10:26:42.206" v="3847"/>
          <ac:spMkLst>
            <pc:docMk/>
            <pc:sldMk cId="1712534184" sldId="618"/>
            <ac:spMk id="15" creationId="{7201C28E-BB94-42CE-AEA0-5084627D979C}"/>
          </ac:spMkLst>
        </pc:spChg>
        <pc:spChg chg="add del mod">
          <ac:chgData name="Maja Johanne Fröling" userId="d6d35f67-c6c9-437d-8f6d-d29a3f816a1c" providerId="ADAL" clId="{EB1672AA-91B8-4619-B1B5-9F0B5A81D9BA}" dt="2022-02-09T10:26:42.206" v="3847"/>
          <ac:spMkLst>
            <pc:docMk/>
            <pc:sldMk cId="1712534184" sldId="618"/>
            <ac:spMk id="16" creationId="{CC23028F-79C2-4A71-A3A4-6847E78C95CB}"/>
          </ac:spMkLst>
        </pc:spChg>
        <pc:spChg chg="add mod">
          <ac:chgData name="Maja Johanne Fröling" userId="d6d35f67-c6c9-437d-8f6d-d29a3f816a1c" providerId="ADAL" clId="{EB1672AA-91B8-4619-B1B5-9F0B5A81D9BA}" dt="2022-02-11T13:06:28.660" v="6020" actId="21"/>
          <ac:spMkLst>
            <pc:docMk/>
            <pc:sldMk cId="1712534184" sldId="618"/>
            <ac:spMk id="17" creationId="{F73710E9-EA81-4A9A-9D63-FB3BB907B5B5}"/>
          </ac:spMkLst>
        </pc:spChg>
        <pc:spChg chg="add del mod">
          <ac:chgData name="Maja Johanne Fröling" userId="d6d35f67-c6c9-437d-8f6d-d29a3f816a1c" providerId="ADAL" clId="{EB1672AA-91B8-4619-B1B5-9F0B5A81D9BA}" dt="2022-02-11T13:00:08.562" v="5967" actId="21"/>
          <ac:spMkLst>
            <pc:docMk/>
            <pc:sldMk cId="1712534184" sldId="618"/>
            <ac:spMk id="22" creationId="{ECF4602A-1C6C-4689-9800-5236436DE60D}"/>
          </ac:spMkLst>
        </pc:spChg>
        <pc:spChg chg="add del mod">
          <ac:chgData name="Maja Johanne Fröling" userId="d6d35f67-c6c9-437d-8f6d-d29a3f816a1c" providerId="ADAL" clId="{EB1672AA-91B8-4619-B1B5-9F0B5A81D9BA}" dt="2022-02-11T13:07:45.764" v="6056" actId="21"/>
          <ac:spMkLst>
            <pc:docMk/>
            <pc:sldMk cId="1712534184" sldId="618"/>
            <ac:spMk id="23" creationId="{EA9D1823-38FA-4681-A214-F54684525EB7}"/>
          </ac:spMkLst>
        </pc:spChg>
        <pc:spChg chg="add mod">
          <ac:chgData name="Maja Johanne Fröling" userId="d6d35f67-c6c9-437d-8f6d-d29a3f816a1c" providerId="ADAL" clId="{EB1672AA-91B8-4619-B1B5-9F0B5A81D9BA}" dt="2022-03-21T09:05:28.862" v="7839" actId="20577"/>
          <ac:spMkLst>
            <pc:docMk/>
            <pc:sldMk cId="1712534184" sldId="618"/>
            <ac:spMk id="27" creationId="{BE6B59FE-CB61-45DE-A33E-E2A2881C23ED}"/>
          </ac:spMkLst>
        </pc:spChg>
        <pc:spChg chg="add mod">
          <ac:chgData name="Maja Johanne Fröling" userId="d6d35f67-c6c9-437d-8f6d-d29a3f816a1c" providerId="ADAL" clId="{EB1672AA-91B8-4619-B1B5-9F0B5A81D9BA}" dt="2022-03-21T09:03:06.612" v="7773" actId="20577"/>
          <ac:spMkLst>
            <pc:docMk/>
            <pc:sldMk cId="1712534184" sldId="618"/>
            <ac:spMk id="28" creationId="{4F150876-FB00-425F-ACB0-B09C1F8E15A3}"/>
          </ac:spMkLst>
        </pc:spChg>
        <pc:graphicFrameChg chg="add del mod modGraphic">
          <ac:chgData name="Maja Johanne Fröling" userId="d6d35f67-c6c9-437d-8f6d-d29a3f816a1c" providerId="ADAL" clId="{EB1672AA-91B8-4619-B1B5-9F0B5A81D9BA}" dt="2022-02-11T13:08:11.553" v="6097" actId="21"/>
          <ac:graphicFrameMkLst>
            <pc:docMk/>
            <pc:sldMk cId="1712534184" sldId="618"/>
            <ac:graphicFrameMk id="9" creationId="{6C29EA07-F27D-42D6-850D-94EE2A951A8D}"/>
          </ac:graphicFrameMkLst>
        </pc:graphicFrameChg>
        <pc:graphicFrameChg chg="add del mod">
          <ac:chgData name="Maja Johanne Fröling" userId="d6d35f67-c6c9-437d-8f6d-d29a3f816a1c" providerId="ADAL" clId="{EB1672AA-91B8-4619-B1B5-9F0B5A81D9BA}" dt="2022-02-09T10:19:36.606" v="3583" actId="21"/>
          <ac:graphicFrameMkLst>
            <pc:docMk/>
            <pc:sldMk cId="1712534184" sldId="618"/>
            <ac:graphicFrameMk id="10" creationId="{5BB3F8D4-62E1-407A-945A-F302C86B3F89}"/>
          </ac:graphicFrameMkLst>
        </pc:graphicFrameChg>
        <pc:graphicFrameChg chg="del mod modGraphic">
          <ac:chgData name="Maja Johanne Fröling" userId="d6d35f67-c6c9-437d-8f6d-d29a3f816a1c" providerId="ADAL" clId="{EB1672AA-91B8-4619-B1B5-9F0B5A81D9BA}" dt="2022-02-09T10:51:52.587" v="4109" actId="21"/>
          <ac:graphicFrameMkLst>
            <pc:docMk/>
            <pc:sldMk cId="1712534184" sldId="618"/>
            <ac:graphicFrameMk id="11" creationId="{2A1CF871-D292-4509-9C31-22D7E96A585E}"/>
          </ac:graphicFrameMkLst>
        </pc:graphicFrameChg>
        <pc:graphicFrameChg chg="add mod modGraphic">
          <ac:chgData name="Maja Johanne Fröling" userId="d6d35f67-c6c9-437d-8f6d-d29a3f816a1c" providerId="ADAL" clId="{EB1672AA-91B8-4619-B1B5-9F0B5A81D9BA}" dt="2022-03-21T13:28:59.813" v="8062" actId="1076"/>
          <ac:graphicFrameMkLst>
            <pc:docMk/>
            <pc:sldMk cId="1712534184" sldId="618"/>
            <ac:graphicFrameMk id="14" creationId="{5179CBCE-AB67-478C-9CC6-91A488BFEE5F}"/>
          </ac:graphicFrameMkLst>
        </pc:graphicFrameChg>
        <pc:graphicFrameChg chg="add del mod">
          <ac:chgData name="Maja Johanne Fröling" userId="d6d35f67-c6c9-437d-8f6d-d29a3f816a1c" providerId="ADAL" clId="{EB1672AA-91B8-4619-B1B5-9F0B5A81D9BA}" dt="2022-02-11T12:59:30.255" v="5961" actId="21"/>
          <ac:graphicFrameMkLst>
            <pc:docMk/>
            <pc:sldMk cId="1712534184" sldId="618"/>
            <ac:graphicFrameMk id="18" creationId="{0C6486BF-2784-4A78-BD67-E88A804B6366}"/>
          </ac:graphicFrameMkLst>
        </pc:graphicFrameChg>
        <pc:graphicFrameChg chg="add del mod">
          <ac:chgData name="Maja Johanne Fröling" userId="d6d35f67-c6c9-437d-8f6d-d29a3f816a1c" providerId="ADAL" clId="{EB1672AA-91B8-4619-B1B5-9F0B5A81D9BA}" dt="2022-02-09T10:47:23.558" v="4042" actId="478"/>
          <ac:graphicFrameMkLst>
            <pc:docMk/>
            <pc:sldMk cId="1712534184" sldId="618"/>
            <ac:graphicFrameMk id="24" creationId="{DC30395C-7117-4205-80AE-B7F65FC81839}"/>
          </ac:graphicFrameMkLst>
        </pc:graphicFrameChg>
        <pc:graphicFrameChg chg="add del mod">
          <ac:chgData name="Maja Johanne Fröling" userId="d6d35f67-c6c9-437d-8f6d-d29a3f816a1c" providerId="ADAL" clId="{EB1672AA-91B8-4619-B1B5-9F0B5A81D9BA}" dt="2022-02-11T13:07:23.105" v="6047" actId="21"/>
          <ac:graphicFrameMkLst>
            <pc:docMk/>
            <pc:sldMk cId="1712534184" sldId="618"/>
            <ac:graphicFrameMk id="25" creationId="{3E43564D-0FA7-4810-8FB6-DE9C76C5CADE}"/>
          </ac:graphicFrameMkLst>
        </pc:graphicFrameChg>
        <pc:graphicFrameChg chg="add mod">
          <ac:chgData name="Maja Johanne Fröling" userId="d6d35f67-c6c9-437d-8f6d-d29a3f816a1c" providerId="ADAL" clId="{EB1672AA-91B8-4619-B1B5-9F0B5A81D9BA}" dt="2022-03-21T13:29:04.307" v="8063" actId="14100"/>
          <ac:graphicFrameMkLst>
            <pc:docMk/>
            <pc:sldMk cId="1712534184" sldId="618"/>
            <ac:graphicFrameMk id="26" creationId="{DD3C09D6-9899-4CED-98FF-0575B263C1E2}"/>
          </ac:graphicFrameMkLst>
        </pc:graphicFrameChg>
        <pc:picChg chg="mod">
          <ac:chgData name="Maja Johanne Fröling" userId="d6d35f67-c6c9-437d-8f6d-d29a3f816a1c" providerId="ADAL" clId="{EB1672AA-91B8-4619-B1B5-9F0B5A81D9BA}" dt="2022-02-03T13:24:55.842" v="583" actId="1076"/>
          <ac:picMkLst>
            <pc:docMk/>
            <pc:sldMk cId="1712534184" sldId="618"/>
            <ac:picMk id="7" creationId="{3F323B91-8EAB-4CF2-B444-0B6CF73B6D44}"/>
          </ac:picMkLst>
        </pc:picChg>
        <pc:picChg chg="del">
          <ac:chgData name="Maja Johanne Fröling" userId="d6d35f67-c6c9-437d-8f6d-d29a3f816a1c" providerId="ADAL" clId="{EB1672AA-91B8-4619-B1B5-9F0B5A81D9BA}" dt="2022-02-03T12:55:23.552" v="439" actId="21"/>
          <ac:picMkLst>
            <pc:docMk/>
            <pc:sldMk cId="1712534184" sldId="618"/>
            <ac:picMk id="9" creationId="{D9860C61-B714-42CF-BAC2-670EC3F23E42}"/>
          </ac:picMkLst>
        </pc:picChg>
        <pc:picChg chg="add del mod">
          <ac:chgData name="Maja Johanne Fröling" userId="d6d35f67-c6c9-437d-8f6d-d29a3f816a1c" providerId="ADAL" clId="{EB1672AA-91B8-4619-B1B5-9F0B5A81D9BA}" dt="2022-02-09T10:28:14.752" v="3908" actId="21"/>
          <ac:picMkLst>
            <pc:docMk/>
            <pc:sldMk cId="1712534184" sldId="618"/>
            <ac:picMk id="14" creationId="{8262A08E-EC61-4488-9E67-0583DF224A98}"/>
          </ac:picMkLst>
        </pc:picChg>
        <pc:cxnChg chg="add del mod">
          <ac:chgData name="Maja Johanne Fröling" userId="d6d35f67-c6c9-437d-8f6d-d29a3f816a1c" providerId="ADAL" clId="{EB1672AA-91B8-4619-B1B5-9F0B5A81D9BA}" dt="2022-02-11T13:00:08.562" v="5967" actId="21"/>
          <ac:cxnSpMkLst>
            <pc:docMk/>
            <pc:sldMk cId="1712534184" sldId="618"/>
            <ac:cxnSpMk id="19" creationId="{0B2F30D5-C817-4999-A46E-892A480607B9}"/>
          </ac:cxnSpMkLst>
        </pc:cxnChg>
      </pc:sldChg>
      <pc:sldChg chg="addSp delSp modSp mod">
        <pc:chgData name="Maja Johanne Fröling" userId="d6d35f67-c6c9-437d-8f6d-d29a3f816a1c" providerId="ADAL" clId="{EB1672AA-91B8-4619-B1B5-9F0B5A81D9BA}" dt="2022-03-21T09:06:30.762" v="7859" actId="1076"/>
        <pc:sldMkLst>
          <pc:docMk/>
          <pc:sldMk cId="456610205" sldId="619"/>
        </pc:sldMkLst>
        <pc:spChg chg="mod">
          <ac:chgData name="Maja Johanne Fröling" userId="d6d35f67-c6c9-437d-8f6d-d29a3f816a1c" providerId="ADAL" clId="{EB1672AA-91B8-4619-B1B5-9F0B5A81D9BA}" dt="2022-03-14T08:42:33.354" v="6388" actId="1076"/>
          <ac:spMkLst>
            <pc:docMk/>
            <pc:sldMk cId="456610205" sldId="619"/>
            <ac:spMk id="2" creationId="{00000000-0000-0000-0000-000000000000}"/>
          </ac:spMkLst>
        </pc:spChg>
        <pc:spChg chg="add mod">
          <ac:chgData name="Maja Johanne Fröling" userId="d6d35f67-c6c9-437d-8f6d-d29a3f816a1c" providerId="ADAL" clId="{EB1672AA-91B8-4619-B1B5-9F0B5A81D9BA}" dt="2022-03-14T08:44:49.505" v="6490" actId="20577"/>
          <ac:spMkLst>
            <pc:docMk/>
            <pc:sldMk cId="456610205" sldId="619"/>
            <ac:spMk id="4" creationId="{E05E098F-161A-4B6B-B1B3-8AD99B640A88}"/>
          </ac:spMkLst>
        </pc:spChg>
        <pc:spChg chg="mod">
          <ac:chgData name="Maja Johanne Fröling" userId="d6d35f67-c6c9-437d-8f6d-d29a3f816a1c" providerId="ADAL" clId="{EB1672AA-91B8-4619-B1B5-9F0B5A81D9BA}" dt="2022-02-10T10:34:08.708" v="5526" actId="20577"/>
          <ac:spMkLst>
            <pc:docMk/>
            <pc:sldMk cId="456610205" sldId="619"/>
            <ac:spMk id="5" creationId="{00000000-0000-0000-0000-000000000000}"/>
          </ac:spMkLst>
        </pc:spChg>
        <pc:spChg chg="add mod">
          <ac:chgData name="Maja Johanne Fröling" userId="d6d35f67-c6c9-437d-8f6d-d29a3f816a1c" providerId="ADAL" clId="{EB1672AA-91B8-4619-B1B5-9F0B5A81D9BA}" dt="2022-03-14T08:44:57.321" v="6494" actId="20577"/>
          <ac:spMkLst>
            <pc:docMk/>
            <pc:sldMk cId="456610205" sldId="619"/>
            <ac:spMk id="9" creationId="{ED7DD42C-C4DF-405F-9541-A74FF2A05FFB}"/>
          </ac:spMkLst>
        </pc:spChg>
        <pc:spChg chg="add mod">
          <ac:chgData name="Maja Johanne Fröling" userId="d6d35f67-c6c9-437d-8f6d-d29a3f816a1c" providerId="ADAL" clId="{EB1672AA-91B8-4619-B1B5-9F0B5A81D9BA}" dt="2022-03-21T09:06:30.762" v="7859" actId="1076"/>
          <ac:spMkLst>
            <pc:docMk/>
            <pc:sldMk cId="456610205" sldId="619"/>
            <ac:spMk id="10" creationId="{FB001E7D-247B-4AD2-90E7-239D419CEDD2}"/>
          </ac:spMkLst>
        </pc:spChg>
        <pc:spChg chg="add mod">
          <ac:chgData name="Maja Johanne Fröling" userId="d6d35f67-c6c9-437d-8f6d-d29a3f816a1c" providerId="ADAL" clId="{EB1672AA-91B8-4619-B1B5-9F0B5A81D9BA}" dt="2022-03-21T09:06:18.679" v="7857" actId="1076"/>
          <ac:spMkLst>
            <pc:docMk/>
            <pc:sldMk cId="456610205" sldId="619"/>
            <ac:spMk id="11" creationId="{ED379B3F-2ECD-458E-8476-3D0F40DA3E9F}"/>
          </ac:spMkLst>
        </pc:spChg>
        <pc:graphicFrameChg chg="add mod">
          <ac:chgData name="Maja Johanne Fröling" userId="d6d35f67-c6c9-437d-8f6d-d29a3f816a1c" providerId="ADAL" clId="{EB1672AA-91B8-4619-B1B5-9F0B5A81D9BA}" dt="2022-03-14T08:42:48.738" v="6392" actId="14100"/>
          <ac:graphicFrameMkLst>
            <pc:docMk/>
            <pc:sldMk cId="456610205" sldId="619"/>
            <ac:graphicFrameMk id="8" creationId="{4400617D-EB6E-445D-BA8B-7D772CD21236}"/>
          </ac:graphicFrameMkLst>
        </pc:graphicFrameChg>
        <pc:picChg chg="del mod">
          <ac:chgData name="Maja Johanne Fröling" userId="d6d35f67-c6c9-437d-8f6d-d29a3f816a1c" providerId="ADAL" clId="{EB1672AA-91B8-4619-B1B5-9F0B5A81D9BA}" dt="2022-02-10T09:39:58.586" v="5407" actId="478"/>
          <ac:picMkLst>
            <pc:docMk/>
            <pc:sldMk cId="456610205" sldId="619"/>
            <ac:picMk id="4" creationId="{0C90846C-47EE-4560-A3E2-A0FE4BB49828}"/>
          </ac:picMkLst>
        </pc:picChg>
        <pc:picChg chg="mod">
          <ac:chgData name="Maja Johanne Fröling" userId="d6d35f67-c6c9-437d-8f6d-d29a3f816a1c" providerId="ADAL" clId="{EB1672AA-91B8-4619-B1B5-9F0B5A81D9BA}" dt="2022-03-14T08:42:46.088" v="6391" actId="1076"/>
          <ac:picMkLst>
            <pc:docMk/>
            <pc:sldMk cId="456610205" sldId="619"/>
            <ac:picMk id="7" creationId="{6F16ABF1-EE86-4DF4-9D93-361A50CBDF05}"/>
          </ac:picMkLst>
        </pc:picChg>
      </pc:sldChg>
      <pc:sldChg chg="addSp delSp modSp mod modClrScheme delCm modCm chgLayout modNotesTx">
        <pc:chgData name="Maja Johanne Fröling" userId="d6d35f67-c6c9-437d-8f6d-d29a3f816a1c" providerId="ADAL" clId="{EB1672AA-91B8-4619-B1B5-9F0B5A81D9BA}" dt="2022-03-21T08:52:14.127" v="7606" actId="20577"/>
        <pc:sldMkLst>
          <pc:docMk/>
          <pc:sldMk cId="2047261995" sldId="620"/>
        </pc:sldMkLst>
        <pc:spChg chg="mod ord">
          <ac:chgData name="Maja Johanne Fröling" userId="d6d35f67-c6c9-437d-8f6d-d29a3f816a1c" providerId="ADAL" clId="{EB1672AA-91B8-4619-B1B5-9F0B5A81D9BA}" dt="2022-02-11T12:49:04.539" v="5924" actId="20577"/>
          <ac:spMkLst>
            <pc:docMk/>
            <pc:sldMk cId="2047261995" sldId="620"/>
            <ac:spMk id="2" creationId="{A45CBE40-2781-41F7-9C10-42FA1E83A798}"/>
          </ac:spMkLst>
        </pc:spChg>
        <pc:spChg chg="del mod ord">
          <ac:chgData name="Maja Johanne Fröling" userId="d6d35f67-c6c9-437d-8f6d-d29a3f816a1c" providerId="ADAL" clId="{EB1672AA-91B8-4619-B1B5-9F0B5A81D9BA}" dt="2022-02-03T12:52:58.004" v="190" actId="478"/>
          <ac:spMkLst>
            <pc:docMk/>
            <pc:sldMk cId="2047261995" sldId="620"/>
            <ac:spMk id="3" creationId="{D100D4E3-CADF-4298-8ADC-9B2B8B9F6A84}"/>
          </ac:spMkLst>
        </pc:spChg>
        <pc:spChg chg="del mod ord">
          <ac:chgData name="Maja Johanne Fröling" userId="d6d35f67-c6c9-437d-8f6d-d29a3f816a1c" providerId="ADAL" clId="{EB1672AA-91B8-4619-B1B5-9F0B5A81D9BA}" dt="2022-02-03T13:42:50.148" v="911" actId="478"/>
          <ac:spMkLst>
            <pc:docMk/>
            <pc:sldMk cId="2047261995" sldId="620"/>
            <ac:spMk id="4" creationId="{B8511937-9EA4-41F1-879F-00E9404B2DD0}"/>
          </ac:spMkLst>
        </pc:spChg>
        <pc:spChg chg="add del mod">
          <ac:chgData name="Maja Johanne Fröling" userId="d6d35f67-c6c9-437d-8f6d-d29a3f816a1c" providerId="ADAL" clId="{EB1672AA-91B8-4619-B1B5-9F0B5A81D9BA}" dt="2022-02-03T15:13:48.397" v="3212" actId="478"/>
          <ac:spMkLst>
            <pc:docMk/>
            <pc:sldMk cId="2047261995" sldId="620"/>
            <ac:spMk id="4" creationId="{E22A9C21-45AE-4F66-8512-79EA22F6BAB5}"/>
          </ac:spMkLst>
        </pc:spChg>
        <pc:spChg chg="add mod">
          <ac:chgData name="Maja Johanne Fröling" userId="d6d35f67-c6c9-437d-8f6d-d29a3f816a1c" providerId="ADAL" clId="{EB1672AA-91B8-4619-B1B5-9F0B5A81D9BA}" dt="2022-03-21T08:52:14.127" v="7606" actId="20577"/>
          <ac:spMkLst>
            <pc:docMk/>
            <pc:sldMk cId="2047261995" sldId="620"/>
            <ac:spMk id="5" creationId="{CB2EA168-EE53-40CF-BA06-C67C4B3D1FF6}"/>
          </ac:spMkLst>
        </pc:spChg>
        <pc:spChg chg="add del mod ord">
          <ac:chgData name="Maja Johanne Fröling" userId="d6d35f67-c6c9-437d-8f6d-d29a3f816a1c" providerId="ADAL" clId="{EB1672AA-91B8-4619-B1B5-9F0B5A81D9BA}" dt="2022-02-03T15:13:55.095" v="3217" actId="478"/>
          <ac:spMkLst>
            <pc:docMk/>
            <pc:sldMk cId="2047261995" sldId="620"/>
            <ac:spMk id="6" creationId="{4C29AB6E-8DE3-44A7-B871-E07E03B52ED7}"/>
          </ac:spMkLst>
        </pc:spChg>
        <pc:spChg chg="add del mod ord">
          <ac:chgData name="Maja Johanne Fröling" userId="d6d35f67-c6c9-437d-8f6d-d29a3f816a1c" providerId="ADAL" clId="{EB1672AA-91B8-4619-B1B5-9F0B5A81D9BA}" dt="2022-02-03T13:35:20.269" v="675" actId="478"/>
          <ac:spMkLst>
            <pc:docMk/>
            <pc:sldMk cId="2047261995" sldId="620"/>
            <ac:spMk id="7" creationId="{41E59247-E957-4855-9855-6CAAE642278C}"/>
          </ac:spMkLst>
        </pc:spChg>
        <pc:spChg chg="add del mod">
          <ac:chgData name="Maja Johanne Fröling" userId="d6d35f67-c6c9-437d-8f6d-d29a3f816a1c" providerId="ADAL" clId="{EB1672AA-91B8-4619-B1B5-9F0B5A81D9BA}" dt="2022-02-03T12:53:00.671" v="191" actId="478"/>
          <ac:spMkLst>
            <pc:docMk/>
            <pc:sldMk cId="2047261995" sldId="620"/>
            <ac:spMk id="9" creationId="{EEDEE7A5-26D2-4234-9669-8B221D45B053}"/>
          </ac:spMkLst>
        </pc:spChg>
        <pc:spChg chg="add mod ord">
          <ac:chgData name="Maja Johanne Fröling" userId="d6d35f67-c6c9-437d-8f6d-d29a3f816a1c" providerId="ADAL" clId="{EB1672AA-91B8-4619-B1B5-9F0B5A81D9BA}" dt="2022-02-09T11:42:18.541" v="5192" actId="12"/>
          <ac:spMkLst>
            <pc:docMk/>
            <pc:sldMk cId="2047261995" sldId="620"/>
            <ac:spMk id="12" creationId="{C4BE4E4C-C6AA-4F1B-9258-51FE499FC86B}"/>
          </ac:spMkLst>
        </pc:spChg>
        <pc:graphicFrameChg chg="add del mod modGraphic">
          <ac:chgData name="Maja Johanne Fröling" userId="d6d35f67-c6c9-437d-8f6d-d29a3f816a1c" providerId="ADAL" clId="{EB1672AA-91B8-4619-B1B5-9F0B5A81D9BA}" dt="2022-02-03T13:35:17.781" v="674" actId="478"/>
          <ac:graphicFrameMkLst>
            <pc:docMk/>
            <pc:sldMk cId="2047261995" sldId="620"/>
            <ac:graphicFrameMk id="5" creationId="{16669BC7-6729-4CB3-8932-F2C915F51509}"/>
          </ac:graphicFrameMkLst>
        </pc:graphicFrameChg>
        <pc:graphicFrameChg chg="add mod modGraphic">
          <ac:chgData name="Maja Johanne Fröling" userId="d6d35f67-c6c9-437d-8f6d-d29a3f816a1c" providerId="ADAL" clId="{EB1672AA-91B8-4619-B1B5-9F0B5A81D9BA}" dt="2022-03-21T08:52:03.793" v="7604" actId="20577"/>
          <ac:graphicFrameMkLst>
            <pc:docMk/>
            <pc:sldMk cId="2047261995" sldId="620"/>
            <ac:graphicFrameMk id="10" creationId="{82EB9E93-CA09-40A8-9F06-086D69326664}"/>
          </ac:graphicFrameMkLst>
        </pc:graphicFrameChg>
      </pc:sldChg>
      <pc:sldChg chg="new del">
        <pc:chgData name="Maja Johanne Fröling" userId="d6d35f67-c6c9-437d-8f6d-d29a3f816a1c" providerId="ADAL" clId="{EB1672AA-91B8-4619-B1B5-9F0B5A81D9BA}" dt="2022-02-03T14:02:31.875" v="2098" actId="47"/>
        <pc:sldMkLst>
          <pc:docMk/>
          <pc:sldMk cId="1759940802" sldId="621"/>
        </pc:sldMkLst>
      </pc:sldChg>
      <pc:sldChg chg="addSp delSp modSp new del mod addCm delCm modCm modNotesTx">
        <pc:chgData name="Maja Johanne Fröling" userId="d6d35f67-c6c9-437d-8f6d-d29a3f816a1c" providerId="ADAL" clId="{EB1672AA-91B8-4619-B1B5-9F0B5A81D9BA}" dt="2022-02-09T10:22:32.882" v="3839" actId="47"/>
        <pc:sldMkLst>
          <pc:docMk/>
          <pc:sldMk cId="1320466122" sldId="622"/>
        </pc:sldMkLst>
        <pc:spChg chg="mod">
          <ac:chgData name="Maja Johanne Fröling" userId="d6d35f67-c6c9-437d-8f6d-d29a3f816a1c" providerId="ADAL" clId="{EB1672AA-91B8-4619-B1B5-9F0B5A81D9BA}" dt="2022-02-09T10:08:17.145" v="3443" actId="20577"/>
          <ac:spMkLst>
            <pc:docMk/>
            <pc:sldMk cId="1320466122" sldId="622"/>
            <ac:spMk id="2" creationId="{3B4E289C-B88B-4906-B479-D7A1CA6A1CA1}"/>
          </ac:spMkLst>
        </pc:spChg>
        <pc:spChg chg="del">
          <ac:chgData name="Maja Johanne Fröling" userId="d6d35f67-c6c9-437d-8f6d-d29a3f816a1c" providerId="ADAL" clId="{EB1672AA-91B8-4619-B1B5-9F0B5A81D9BA}" dt="2022-02-03T12:55:26.378" v="441" actId="478"/>
          <ac:spMkLst>
            <pc:docMk/>
            <pc:sldMk cId="1320466122" sldId="622"/>
            <ac:spMk id="3" creationId="{891034D7-9374-475A-841F-4D54D39B6E51}"/>
          </ac:spMkLst>
        </pc:spChg>
        <pc:spChg chg="add mod">
          <ac:chgData name="Maja Johanne Fröling" userId="d6d35f67-c6c9-437d-8f6d-d29a3f816a1c" providerId="ADAL" clId="{EB1672AA-91B8-4619-B1B5-9F0B5A81D9BA}" dt="2022-02-03T12:55:38.124" v="447" actId="1076"/>
          <ac:spMkLst>
            <pc:docMk/>
            <pc:sldMk cId="1320466122" sldId="622"/>
            <ac:spMk id="6" creationId="{CCB3601F-7CD9-4885-8B7B-72F41F242327}"/>
          </ac:spMkLst>
        </pc:spChg>
        <pc:picChg chg="add del mod">
          <ac:chgData name="Maja Johanne Fröling" userId="d6d35f67-c6c9-437d-8f6d-d29a3f816a1c" providerId="ADAL" clId="{EB1672AA-91B8-4619-B1B5-9F0B5A81D9BA}" dt="2022-02-09T10:22:27.832" v="3836" actId="21"/>
          <ac:picMkLst>
            <pc:docMk/>
            <pc:sldMk cId="1320466122" sldId="622"/>
            <ac:picMk id="5" creationId="{09331103-3A78-47B7-B374-AFCF0200C083}"/>
          </ac:picMkLst>
        </pc:picChg>
      </pc:sldChg>
      <pc:sldChg chg="addSp delSp modSp mod modClrScheme delCm modCm chgLayout">
        <pc:chgData name="Maja Johanne Fröling" userId="d6d35f67-c6c9-437d-8f6d-d29a3f816a1c" providerId="ADAL" clId="{EB1672AA-91B8-4619-B1B5-9F0B5A81D9BA}" dt="2022-03-21T13:29:43.860" v="8066" actId="2711"/>
        <pc:sldMkLst>
          <pc:docMk/>
          <pc:sldMk cId="1352504187" sldId="623"/>
        </pc:sldMkLst>
        <pc:spChg chg="del mod ord">
          <ac:chgData name="Maja Johanne Fröling" userId="d6d35f67-c6c9-437d-8f6d-d29a3f816a1c" providerId="ADAL" clId="{EB1672AA-91B8-4619-B1B5-9F0B5A81D9BA}" dt="2022-02-11T13:13:43.965" v="6175" actId="478"/>
          <ac:spMkLst>
            <pc:docMk/>
            <pc:sldMk cId="1352504187" sldId="623"/>
            <ac:spMk id="2" creationId="{4B9EB7B8-20E8-4C84-9376-6916FC8A85AA}"/>
          </ac:spMkLst>
        </pc:spChg>
        <pc:spChg chg="del mod ord">
          <ac:chgData name="Maja Johanne Fröling" userId="d6d35f67-c6c9-437d-8f6d-d29a3f816a1c" providerId="ADAL" clId="{EB1672AA-91B8-4619-B1B5-9F0B5A81D9BA}" dt="2022-02-09T10:19:21.745" v="3567" actId="478"/>
          <ac:spMkLst>
            <pc:docMk/>
            <pc:sldMk cId="1352504187" sldId="623"/>
            <ac:spMk id="3" creationId="{C01EA694-FE1A-40A1-A9F3-95FBA5EC5E3F}"/>
          </ac:spMkLst>
        </pc:spChg>
        <pc:spChg chg="mod ord">
          <ac:chgData name="Maja Johanne Fröling" userId="d6d35f67-c6c9-437d-8f6d-d29a3f816a1c" providerId="ADAL" clId="{EB1672AA-91B8-4619-B1B5-9F0B5A81D9BA}" dt="2022-02-11T13:14:37.892" v="6178" actId="700"/>
          <ac:spMkLst>
            <pc:docMk/>
            <pc:sldMk cId="1352504187" sldId="623"/>
            <ac:spMk id="4" creationId="{5C48956F-C870-46BC-A157-6A6F7C07E810}"/>
          </ac:spMkLst>
        </pc:spChg>
        <pc:spChg chg="mod">
          <ac:chgData name="Maja Johanne Fröling" userId="d6d35f67-c6c9-437d-8f6d-d29a3f816a1c" providerId="ADAL" clId="{EB1672AA-91B8-4619-B1B5-9F0B5A81D9BA}" dt="2022-03-21T13:29:32.164" v="8065" actId="404"/>
          <ac:spMkLst>
            <pc:docMk/>
            <pc:sldMk cId="1352504187" sldId="623"/>
            <ac:spMk id="5" creationId="{9CCE3A63-E6B0-422E-9034-47AFCF26A148}"/>
          </ac:spMkLst>
        </pc:spChg>
        <pc:spChg chg="add del mod ord">
          <ac:chgData name="Maja Johanne Fröling" userId="d6d35f67-c6c9-437d-8f6d-d29a3f816a1c" providerId="ADAL" clId="{EB1672AA-91B8-4619-B1B5-9F0B5A81D9BA}" dt="2022-02-11T13:15:06.588" v="6188" actId="478"/>
          <ac:spMkLst>
            <pc:docMk/>
            <pc:sldMk cId="1352504187" sldId="623"/>
            <ac:spMk id="5" creationId="{F9D2E884-6981-47F4-985E-5ED05CF4EA19}"/>
          </ac:spMkLst>
        </pc:spChg>
        <pc:spChg chg="add del mod ord">
          <ac:chgData name="Maja Johanne Fröling" userId="d6d35f67-c6c9-437d-8f6d-d29a3f816a1c" providerId="ADAL" clId="{EB1672AA-91B8-4619-B1B5-9F0B5A81D9BA}" dt="2022-02-11T13:14:37.892" v="6178" actId="700"/>
          <ac:spMkLst>
            <pc:docMk/>
            <pc:sldMk cId="1352504187" sldId="623"/>
            <ac:spMk id="6" creationId="{CD851F37-C6F8-40C4-9F69-E6E8F6A03945}"/>
          </ac:spMkLst>
        </pc:spChg>
        <pc:spChg chg="add del mod">
          <ac:chgData name="Maja Johanne Fröling" userId="d6d35f67-c6c9-437d-8f6d-d29a3f816a1c" providerId="ADAL" clId="{EB1672AA-91B8-4619-B1B5-9F0B5A81D9BA}" dt="2022-02-09T10:19:38.761" v="3584" actId="478"/>
          <ac:spMkLst>
            <pc:docMk/>
            <pc:sldMk cId="1352504187" sldId="623"/>
            <ac:spMk id="7" creationId="{64DF8C1E-EFBF-425A-B021-FDBC0B17BC6A}"/>
          </ac:spMkLst>
        </pc:spChg>
        <pc:spChg chg="add mod ord">
          <ac:chgData name="Maja Johanne Fröling" userId="d6d35f67-c6c9-437d-8f6d-d29a3f816a1c" providerId="ADAL" clId="{EB1672AA-91B8-4619-B1B5-9F0B5A81D9BA}" dt="2022-02-11T13:15:02.774" v="6186" actId="20577"/>
          <ac:spMkLst>
            <pc:docMk/>
            <pc:sldMk cId="1352504187" sldId="623"/>
            <ac:spMk id="7" creationId="{E98B318E-5BD3-47A1-891D-0417C4B8D62E}"/>
          </ac:spMkLst>
        </pc:spChg>
        <pc:spChg chg="add del mod">
          <ac:chgData name="Maja Johanne Fröling" userId="d6d35f67-c6c9-437d-8f6d-d29a3f816a1c" providerId="ADAL" clId="{EB1672AA-91B8-4619-B1B5-9F0B5A81D9BA}" dt="2022-02-11T13:13:42.936" v="6174" actId="478"/>
          <ac:spMkLst>
            <pc:docMk/>
            <pc:sldMk cId="1352504187" sldId="623"/>
            <ac:spMk id="9" creationId="{DB506C24-0245-4F56-AAFD-B310FB0C67A6}"/>
          </ac:spMkLst>
        </pc:spChg>
        <pc:spChg chg="add mod">
          <ac:chgData name="Maja Johanne Fröling" userId="d6d35f67-c6c9-437d-8f6d-d29a3f816a1c" providerId="ADAL" clId="{EB1672AA-91B8-4619-B1B5-9F0B5A81D9BA}" dt="2022-03-21T13:29:43.860" v="8066" actId="2711"/>
          <ac:spMkLst>
            <pc:docMk/>
            <pc:sldMk cId="1352504187" sldId="623"/>
            <ac:spMk id="11" creationId="{4F313E81-446E-4ACF-A213-3C0C3FFEB28A}"/>
          </ac:spMkLst>
        </pc:spChg>
        <pc:graphicFrameChg chg="add del mod">
          <ac:chgData name="Maja Johanne Fröling" userId="d6d35f67-c6c9-437d-8f6d-d29a3f816a1c" providerId="ADAL" clId="{EB1672AA-91B8-4619-B1B5-9F0B5A81D9BA}" dt="2022-02-11T13:13:42.029" v="6173" actId="478"/>
          <ac:graphicFrameMkLst>
            <pc:docMk/>
            <pc:sldMk cId="1352504187" sldId="623"/>
            <ac:graphicFrameMk id="8" creationId="{821380CF-9C02-40E3-9EF6-38DD7AE5C2C8}"/>
          </ac:graphicFrameMkLst>
        </pc:graphicFrameChg>
        <pc:graphicFrameChg chg="add mod">
          <ac:chgData name="Maja Johanne Fröling" userId="d6d35f67-c6c9-437d-8f6d-d29a3f816a1c" providerId="ADAL" clId="{EB1672AA-91B8-4619-B1B5-9F0B5A81D9BA}" dt="2022-03-21T09:04:00.278" v="7786"/>
          <ac:graphicFrameMkLst>
            <pc:docMk/>
            <pc:sldMk cId="1352504187" sldId="623"/>
            <ac:graphicFrameMk id="10" creationId="{50CC0B4E-F0E2-4A18-AB28-C360C0904304}"/>
          </ac:graphicFrameMkLst>
        </pc:graphicFrameChg>
      </pc:sldChg>
      <pc:sldChg chg="addSp delSp modSp new mod modClrScheme modCm chgLayout">
        <pc:chgData name="Maja Johanne Fröling" userId="d6d35f67-c6c9-437d-8f6d-d29a3f816a1c" providerId="ADAL" clId="{EB1672AA-91B8-4619-B1B5-9F0B5A81D9BA}" dt="2022-03-21T13:29:51.108" v="8067" actId="2711"/>
        <pc:sldMkLst>
          <pc:docMk/>
          <pc:sldMk cId="2950231413" sldId="624"/>
        </pc:sldMkLst>
        <pc:spChg chg="mod ord">
          <ac:chgData name="Maja Johanne Fröling" userId="d6d35f67-c6c9-437d-8f6d-d29a3f816a1c" providerId="ADAL" clId="{EB1672AA-91B8-4619-B1B5-9F0B5A81D9BA}" dt="2022-03-18T09:11:05.068" v="7456" actId="20577"/>
          <ac:spMkLst>
            <pc:docMk/>
            <pc:sldMk cId="2950231413" sldId="624"/>
            <ac:spMk id="2" creationId="{DFB73A68-5AEF-4F70-8B70-53E0F0F890A8}"/>
          </ac:spMkLst>
        </pc:spChg>
        <pc:spChg chg="del mod ord">
          <ac:chgData name="Maja Johanne Fröling" userId="d6d35f67-c6c9-437d-8f6d-d29a3f816a1c" providerId="ADAL" clId="{EB1672AA-91B8-4619-B1B5-9F0B5A81D9BA}" dt="2022-02-11T12:59:06.856" v="5955" actId="700"/>
          <ac:spMkLst>
            <pc:docMk/>
            <pc:sldMk cId="2950231413" sldId="624"/>
            <ac:spMk id="3" creationId="{A6D85DCA-D1CE-414C-9D9D-1DA85B86770A}"/>
          </ac:spMkLst>
        </pc:spChg>
        <pc:spChg chg="del mod ord">
          <ac:chgData name="Maja Johanne Fröling" userId="d6d35f67-c6c9-437d-8f6d-d29a3f816a1c" providerId="ADAL" clId="{EB1672AA-91B8-4619-B1B5-9F0B5A81D9BA}" dt="2022-02-11T12:59:21.019" v="5960" actId="478"/>
          <ac:spMkLst>
            <pc:docMk/>
            <pc:sldMk cId="2950231413" sldId="624"/>
            <ac:spMk id="4" creationId="{FA0DB574-1ACC-4E32-A9D8-67679FFEFDA4}"/>
          </ac:spMkLst>
        </pc:spChg>
        <pc:spChg chg="add del mod ord">
          <ac:chgData name="Maja Johanne Fröling" userId="d6d35f67-c6c9-437d-8f6d-d29a3f816a1c" providerId="ADAL" clId="{EB1672AA-91B8-4619-B1B5-9F0B5A81D9BA}" dt="2022-02-11T13:04:02.918" v="5990"/>
          <ac:spMkLst>
            <pc:docMk/>
            <pc:sldMk cId="2950231413" sldId="624"/>
            <ac:spMk id="5" creationId="{BA5F1061-7A96-4B9C-B24C-0389A3DBB1E6}"/>
          </ac:spMkLst>
        </pc:spChg>
        <pc:spChg chg="add del mod ord">
          <ac:chgData name="Maja Johanne Fröling" userId="d6d35f67-c6c9-437d-8f6d-d29a3f816a1c" providerId="ADAL" clId="{EB1672AA-91B8-4619-B1B5-9F0B5A81D9BA}" dt="2022-02-11T12:59:17.250" v="5958" actId="478"/>
          <ac:spMkLst>
            <pc:docMk/>
            <pc:sldMk cId="2950231413" sldId="624"/>
            <ac:spMk id="6" creationId="{78D0F291-B550-4522-9436-45CD3E9A0A6A}"/>
          </ac:spMkLst>
        </pc:spChg>
        <pc:spChg chg="add del mod ord">
          <ac:chgData name="Maja Johanne Fröling" userId="d6d35f67-c6c9-437d-8f6d-d29a3f816a1c" providerId="ADAL" clId="{EB1672AA-91B8-4619-B1B5-9F0B5A81D9BA}" dt="2022-02-11T12:59:34.341" v="5962" actId="478"/>
          <ac:spMkLst>
            <pc:docMk/>
            <pc:sldMk cId="2950231413" sldId="624"/>
            <ac:spMk id="7" creationId="{710B731F-4C7E-4B99-87F8-C8DE0D1E3C71}"/>
          </ac:spMkLst>
        </pc:spChg>
        <pc:spChg chg="add mod">
          <ac:chgData name="Maja Johanne Fröling" userId="d6d35f67-c6c9-437d-8f6d-d29a3f816a1c" providerId="ADAL" clId="{EB1672AA-91B8-4619-B1B5-9F0B5A81D9BA}" dt="2022-02-11T13:18:14.823" v="6260" actId="1076"/>
          <ac:spMkLst>
            <pc:docMk/>
            <pc:sldMk cId="2950231413" sldId="624"/>
            <ac:spMk id="10" creationId="{78F61A48-FDD2-432C-8322-7CE069329926}"/>
          </ac:spMkLst>
        </pc:spChg>
        <pc:spChg chg="add mod">
          <ac:chgData name="Maja Johanne Fröling" userId="d6d35f67-c6c9-437d-8f6d-d29a3f816a1c" providerId="ADAL" clId="{EB1672AA-91B8-4619-B1B5-9F0B5A81D9BA}" dt="2022-03-18T09:12:55.815" v="7467" actId="20577"/>
          <ac:spMkLst>
            <pc:docMk/>
            <pc:sldMk cId="2950231413" sldId="624"/>
            <ac:spMk id="12" creationId="{E4454EB6-F01B-42E3-AF9E-AC3F3FD92C54}"/>
          </ac:spMkLst>
        </pc:spChg>
        <pc:spChg chg="add del mod">
          <ac:chgData name="Maja Johanne Fröling" userId="d6d35f67-c6c9-437d-8f6d-d29a3f816a1c" providerId="ADAL" clId="{EB1672AA-91B8-4619-B1B5-9F0B5A81D9BA}" dt="2022-02-11T13:04:02.918" v="5990"/>
          <ac:spMkLst>
            <pc:docMk/>
            <pc:sldMk cId="2950231413" sldId="624"/>
            <ac:spMk id="14" creationId="{CD00F9D4-4A83-4E29-84E8-7268704BEE6F}"/>
          </ac:spMkLst>
        </pc:spChg>
        <pc:spChg chg="add del mod">
          <ac:chgData name="Maja Johanne Fröling" userId="d6d35f67-c6c9-437d-8f6d-d29a3f816a1c" providerId="ADAL" clId="{EB1672AA-91B8-4619-B1B5-9F0B5A81D9BA}" dt="2022-02-11T13:07:25.461" v="6048" actId="478"/>
          <ac:spMkLst>
            <pc:docMk/>
            <pc:sldMk cId="2950231413" sldId="624"/>
            <ac:spMk id="15" creationId="{DBFF8429-030C-4683-91F1-5370558D75E5}"/>
          </ac:spMkLst>
        </pc:spChg>
        <pc:spChg chg="add del mod">
          <ac:chgData name="Maja Johanne Fröling" userId="d6d35f67-c6c9-437d-8f6d-d29a3f816a1c" providerId="ADAL" clId="{EB1672AA-91B8-4619-B1B5-9F0B5A81D9BA}" dt="2022-02-11T13:06:17.063" v="6018" actId="478"/>
          <ac:spMkLst>
            <pc:docMk/>
            <pc:sldMk cId="2950231413" sldId="624"/>
            <ac:spMk id="16" creationId="{A48E2188-5B38-45EE-9BEB-C8EFABCADCDA}"/>
          </ac:spMkLst>
        </pc:spChg>
        <pc:spChg chg="add mod ord">
          <ac:chgData name="Maja Johanne Fröling" userId="d6d35f67-c6c9-437d-8f6d-d29a3f816a1c" providerId="ADAL" clId="{EB1672AA-91B8-4619-B1B5-9F0B5A81D9BA}" dt="2022-02-11T13:17:10.328" v="6215" actId="21"/>
          <ac:spMkLst>
            <pc:docMk/>
            <pc:sldMk cId="2950231413" sldId="624"/>
            <ac:spMk id="17" creationId="{08C0EB00-16F1-44A7-8846-66B1FEA0F95A}"/>
          </ac:spMkLst>
        </pc:spChg>
        <pc:spChg chg="add mod">
          <ac:chgData name="Maja Johanne Fröling" userId="d6d35f67-c6c9-437d-8f6d-d29a3f816a1c" providerId="ADAL" clId="{EB1672AA-91B8-4619-B1B5-9F0B5A81D9BA}" dt="2022-02-11T13:19:21.589" v="6299" actId="1076"/>
          <ac:spMkLst>
            <pc:docMk/>
            <pc:sldMk cId="2950231413" sldId="624"/>
            <ac:spMk id="20" creationId="{DA79268E-C279-4DC1-AC55-965BEF54C6A6}"/>
          </ac:spMkLst>
        </pc:spChg>
        <pc:spChg chg="add mod ord">
          <ac:chgData name="Maja Johanne Fröling" userId="d6d35f67-c6c9-437d-8f6d-d29a3f816a1c" providerId="ADAL" clId="{EB1672AA-91B8-4619-B1B5-9F0B5A81D9BA}" dt="2022-03-21T13:29:51.108" v="8067" actId="2711"/>
          <ac:spMkLst>
            <pc:docMk/>
            <pc:sldMk cId="2950231413" sldId="624"/>
            <ac:spMk id="21" creationId="{FE456DC1-C4D1-4F37-B4D1-617FF30D14F1}"/>
          </ac:spMkLst>
        </pc:spChg>
        <pc:spChg chg="add mod">
          <ac:chgData name="Maja Johanne Fröling" userId="d6d35f67-c6c9-437d-8f6d-d29a3f816a1c" providerId="ADAL" clId="{EB1672AA-91B8-4619-B1B5-9F0B5A81D9BA}" dt="2022-02-11T13:18:40.002" v="6286" actId="1076"/>
          <ac:spMkLst>
            <pc:docMk/>
            <pc:sldMk cId="2950231413" sldId="624"/>
            <ac:spMk id="23" creationId="{38C42214-0740-4F6D-BC78-4DF6A1E2A4D7}"/>
          </ac:spMkLst>
        </pc:spChg>
        <pc:graphicFrameChg chg="add mod">
          <ac:chgData name="Maja Johanne Fröling" userId="d6d35f67-c6c9-437d-8f6d-d29a3f816a1c" providerId="ADAL" clId="{EB1672AA-91B8-4619-B1B5-9F0B5A81D9BA}" dt="2022-02-11T13:18:52.783" v="6291" actId="14100"/>
          <ac:graphicFrameMkLst>
            <pc:docMk/>
            <pc:sldMk cId="2950231413" sldId="624"/>
            <ac:graphicFrameMk id="8" creationId="{79F72C78-B1C3-42F8-9A0F-19043AB72D57}"/>
          </ac:graphicFrameMkLst>
        </pc:graphicFrameChg>
        <pc:graphicFrameChg chg="add mod">
          <ac:chgData name="Maja Johanne Fröling" userId="d6d35f67-c6c9-437d-8f6d-d29a3f816a1c" providerId="ADAL" clId="{EB1672AA-91B8-4619-B1B5-9F0B5A81D9BA}" dt="2022-03-18T09:11:35.864" v="7463" actId="14100"/>
          <ac:graphicFrameMkLst>
            <pc:docMk/>
            <pc:sldMk cId="2950231413" sldId="624"/>
            <ac:graphicFrameMk id="11" creationId="{A3463885-374C-4CF2-A17F-594E11CDC8DB}"/>
          </ac:graphicFrameMkLst>
        </pc:graphicFrameChg>
        <pc:graphicFrameChg chg="add del mod">
          <ac:chgData name="Maja Johanne Fröling" userId="d6d35f67-c6c9-437d-8f6d-d29a3f816a1c" providerId="ADAL" clId="{EB1672AA-91B8-4619-B1B5-9F0B5A81D9BA}" dt="2022-03-18T09:10:39.341" v="7422" actId="478"/>
          <ac:graphicFrameMkLst>
            <pc:docMk/>
            <pc:sldMk cId="2950231413" sldId="624"/>
            <ac:graphicFrameMk id="19" creationId="{FE49C441-139B-44DC-A407-931EB911E729}"/>
          </ac:graphicFrameMkLst>
        </pc:graphicFrameChg>
        <pc:cxnChg chg="add mod">
          <ac:chgData name="Maja Johanne Fröling" userId="d6d35f67-c6c9-437d-8f6d-d29a3f816a1c" providerId="ADAL" clId="{EB1672AA-91B8-4619-B1B5-9F0B5A81D9BA}" dt="2022-02-11T13:18:01.527" v="6255" actId="14100"/>
          <ac:cxnSpMkLst>
            <pc:docMk/>
            <pc:sldMk cId="2950231413" sldId="624"/>
            <ac:cxnSpMk id="9" creationId="{5CE0870B-3F82-4D31-9865-5BA132136B9B}"/>
          </ac:cxnSpMkLst>
        </pc:cxnChg>
      </pc:sldChg>
      <pc:sldChg chg="addSp delSp modSp new del mod modClrScheme chgLayout">
        <pc:chgData name="Maja Johanne Fröling" userId="d6d35f67-c6c9-437d-8f6d-d29a3f816a1c" providerId="ADAL" clId="{EB1672AA-91B8-4619-B1B5-9F0B5A81D9BA}" dt="2022-02-11T13:13:37.604" v="6172" actId="47"/>
        <pc:sldMkLst>
          <pc:docMk/>
          <pc:sldMk cId="2146133376" sldId="625"/>
        </pc:sldMkLst>
        <pc:spChg chg="del mod ord">
          <ac:chgData name="Maja Johanne Fröling" userId="d6d35f67-c6c9-437d-8f6d-d29a3f816a1c" providerId="ADAL" clId="{EB1672AA-91B8-4619-B1B5-9F0B5A81D9BA}" dt="2022-02-11T13:13:16.550" v="6171" actId="700"/>
          <ac:spMkLst>
            <pc:docMk/>
            <pc:sldMk cId="2146133376" sldId="625"/>
            <ac:spMk id="2" creationId="{209CB118-62F6-4A17-9207-142617F82B9D}"/>
          </ac:spMkLst>
        </pc:spChg>
        <pc:spChg chg="del mod ord">
          <ac:chgData name="Maja Johanne Fröling" userId="d6d35f67-c6c9-437d-8f6d-d29a3f816a1c" providerId="ADAL" clId="{EB1672AA-91B8-4619-B1B5-9F0B5A81D9BA}" dt="2022-02-11T13:13:16.550" v="6171" actId="700"/>
          <ac:spMkLst>
            <pc:docMk/>
            <pc:sldMk cId="2146133376" sldId="625"/>
            <ac:spMk id="3" creationId="{000AAB8B-86B2-48BF-A2EF-13371E077A3E}"/>
          </ac:spMkLst>
        </pc:spChg>
        <pc:spChg chg="del mod ord">
          <ac:chgData name="Maja Johanne Fröling" userId="d6d35f67-c6c9-437d-8f6d-d29a3f816a1c" providerId="ADAL" clId="{EB1672AA-91B8-4619-B1B5-9F0B5A81D9BA}" dt="2022-02-11T13:13:16.550" v="6171" actId="700"/>
          <ac:spMkLst>
            <pc:docMk/>
            <pc:sldMk cId="2146133376" sldId="625"/>
            <ac:spMk id="4" creationId="{125A483F-9E67-473A-8B4C-521E6B595E89}"/>
          </ac:spMkLst>
        </pc:spChg>
        <pc:spChg chg="add mod ord">
          <ac:chgData name="Maja Johanne Fröling" userId="d6d35f67-c6c9-437d-8f6d-d29a3f816a1c" providerId="ADAL" clId="{EB1672AA-91B8-4619-B1B5-9F0B5A81D9BA}" dt="2022-02-11T13:13:16.550" v="6171" actId="700"/>
          <ac:spMkLst>
            <pc:docMk/>
            <pc:sldMk cId="2146133376" sldId="625"/>
            <ac:spMk id="5" creationId="{6FB3C828-4F67-4C5A-94C1-856D302B51A9}"/>
          </ac:spMkLst>
        </pc:spChg>
        <pc:spChg chg="add mod ord">
          <ac:chgData name="Maja Johanne Fröling" userId="d6d35f67-c6c9-437d-8f6d-d29a3f816a1c" providerId="ADAL" clId="{EB1672AA-91B8-4619-B1B5-9F0B5A81D9BA}" dt="2022-02-11T13:13:16.550" v="6171" actId="700"/>
          <ac:spMkLst>
            <pc:docMk/>
            <pc:sldMk cId="2146133376" sldId="625"/>
            <ac:spMk id="6" creationId="{BC2B4D6E-42AB-4A68-8BA6-FC4FCB3C9171}"/>
          </ac:spMkLst>
        </pc:spChg>
        <pc:spChg chg="add mod ord">
          <ac:chgData name="Maja Johanne Fröling" userId="d6d35f67-c6c9-437d-8f6d-d29a3f816a1c" providerId="ADAL" clId="{EB1672AA-91B8-4619-B1B5-9F0B5A81D9BA}" dt="2022-02-11T13:13:16.550" v="6171" actId="700"/>
          <ac:spMkLst>
            <pc:docMk/>
            <pc:sldMk cId="2146133376" sldId="625"/>
            <ac:spMk id="7" creationId="{45AD2F90-B638-4CD0-B668-9A8876388725}"/>
          </ac:spMkLst>
        </pc:spChg>
        <pc:spChg chg="add mod ord">
          <ac:chgData name="Maja Johanne Fröling" userId="d6d35f67-c6c9-437d-8f6d-d29a3f816a1c" providerId="ADAL" clId="{EB1672AA-91B8-4619-B1B5-9F0B5A81D9BA}" dt="2022-02-11T13:13:16.550" v="6171" actId="700"/>
          <ac:spMkLst>
            <pc:docMk/>
            <pc:sldMk cId="2146133376" sldId="625"/>
            <ac:spMk id="8" creationId="{C9E06830-BE16-473F-BA1B-2B9F817E5429}"/>
          </ac:spMkLst>
        </pc:spChg>
      </pc:sldChg>
      <pc:sldChg chg="modSp mod">
        <pc:chgData name="Maja Johanne Fröling" userId="d6d35f67-c6c9-437d-8f6d-d29a3f816a1c" providerId="ADAL" clId="{EB1672AA-91B8-4619-B1B5-9F0B5A81D9BA}" dt="2022-03-21T13:30:21.930" v="8068" actId="2711"/>
        <pc:sldMkLst>
          <pc:docMk/>
          <pc:sldMk cId="2672804096" sldId="629"/>
        </pc:sldMkLst>
        <pc:spChg chg="mod">
          <ac:chgData name="Maja Johanne Fröling" userId="d6d35f67-c6c9-437d-8f6d-d29a3f816a1c" providerId="ADAL" clId="{EB1672AA-91B8-4619-B1B5-9F0B5A81D9BA}" dt="2022-03-21T13:30:21.930" v="8068" actId="2711"/>
          <ac:spMkLst>
            <pc:docMk/>
            <pc:sldMk cId="2672804096" sldId="629"/>
            <ac:spMk id="5" creationId="{B299673D-500F-4D14-9006-3F72EA7FAB16}"/>
          </ac:spMkLst>
        </pc:spChg>
      </pc:sldChg>
      <pc:sldChg chg="addSp delSp modSp mod modClrScheme addCm modCm chgLayout">
        <pc:chgData name="Maja Johanne Fröling" userId="d6d35f67-c6c9-437d-8f6d-d29a3f816a1c" providerId="ADAL" clId="{EB1672AA-91B8-4619-B1B5-9F0B5A81D9BA}" dt="2022-03-22T07:39:28.064" v="8249"/>
        <pc:sldMkLst>
          <pc:docMk/>
          <pc:sldMk cId="2605481509" sldId="631"/>
        </pc:sldMkLst>
        <pc:spChg chg="mod ord">
          <ac:chgData name="Maja Johanne Fröling" userId="d6d35f67-c6c9-437d-8f6d-d29a3f816a1c" providerId="ADAL" clId="{EB1672AA-91B8-4619-B1B5-9F0B5A81D9BA}" dt="2022-03-18T09:19:30.314" v="7503" actId="20577"/>
          <ac:spMkLst>
            <pc:docMk/>
            <pc:sldMk cId="2605481509" sldId="631"/>
            <ac:spMk id="2" creationId="{20F84C4A-9CA4-40B7-954A-9A1C7B24C6B7}"/>
          </ac:spMkLst>
        </pc:spChg>
        <pc:spChg chg="del mod ord">
          <ac:chgData name="Maja Johanne Fröling" userId="d6d35f67-c6c9-437d-8f6d-d29a3f816a1c" providerId="ADAL" clId="{EB1672AA-91B8-4619-B1B5-9F0B5A81D9BA}" dt="2022-03-16T11:35:39.878" v="6625" actId="700"/>
          <ac:spMkLst>
            <pc:docMk/>
            <pc:sldMk cId="2605481509" sldId="631"/>
            <ac:spMk id="3" creationId="{7545DDBB-72E4-4AFF-A7F3-5E9143BE2108}"/>
          </ac:spMkLst>
        </pc:spChg>
        <pc:spChg chg="mod ord">
          <ac:chgData name="Maja Johanne Fröling" userId="d6d35f67-c6c9-437d-8f6d-d29a3f816a1c" providerId="ADAL" clId="{EB1672AA-91B8-4619-B1B5-9F0B5A81D9BA}" dt="2022-03-16T12:20:41.895" v="6648" actId="700"/>
          <ac:spMkLst>
            <pc:docMk/>
            <pc:sldMk cId="2605481509" sldId="631"/>
            <ac:spMk id="4" creationId="{B3FD736A-214D-4F0D-AD49-011F3131EBFC}"/>
          </ac:spMkLst>
        </pc:spChg>
        <pc:spChg chg="add del mod ord">
          <ac:chgData name="Maja Johanne Fröling" userId="d6d35f67-c6c9-437d-8f6d-d29a3f816a1c" providerId="ADAL" clId="{EB1672AA-91B8-4619-B1B5-9F0B5A81D9BA}" dt="2022-03-16T12:20:27.300" v="6645" actId="700"/>
          <ac:spMkLst>
            <pc:docMk/>
            <pc:sldMk cId="2605481509" sldId="631"/>
            <ac:spMk id="5" creationId="{499FFE22-FCFE-490D-BD2B-2290DF55543E}"/>
          </ac:spMkLst>
        </pc:spChg>
        <pc:spChg chg="add del mod ord">
          <ac:chgData name="Maja Johanne Fröling" userId="d6d35f67-c6c9-437d-8f6d-d29a3f816a1c" providerId="ADAL" clId="{EB1672AA-91B8-4619-B1B5-9F0B5A81D9BA}" dt="2022-03-16T12:20:27.300" v="6645" actId="700"/>
          <ac:spMkLst>
            <pc:docMk/>
            <pc:sldMk cId="2605481509" sldId="631"/>
            <ac:spMk id="6" creationId="{404B43C6-3EA8-4D9B-8490-BBC7A3C02C50}"/>
          </ac:spMkLst>
        </pc:spChg>
        <pc:spChg chg="add del mod ord">
          <ac:chgData name="Maja Johanne Fröling" userId="d6d35f67-c6c9-437d-8f6d-d29a3f816a1c" providerId="ADAL" clId="{EB1672AA-91B8-4619-B1B5-9F0B5A81D9BA}" dt="2022-03-16T12:20:27.300" v="6645" actId="700"/>
          <ac:spMkLst>
            <pc:docMk/>
            <pc:sldMk cId="2605481509" sldId="631"/>
            <ac:spMk id="7" creationId="{38D406AB-5616-4CDA-9409-F14F0CDF89E6}"/>
          </ac:spMkLst>
        </pc:spChg>
        <pc:spChg chg="add del mod">
          <ac:chgData name="Maja Johanne Fröling" userId="d6d35f67-c6c9-437d-8f6d-d29a3f816a1c" providerId="ADAL" clId="{EB1672AA-91B8-4619-B1B5-9F0B5A81D9BA}" dt="2022-03-17T12:45:29.974" v="6707" actId="478"/>
          <ac:spMkLst>
            <pc:docMk/>
            <pc:sldMk cId="2605481509" sldId="631"/>
            <ac:spMk id="7" creationId="{E271CC3A-C2B0-41AC-8F26-A21C3173DCB6}"/>
          </ac:spMkLst>
        </pc:spChg>
        <pc:spChg chg="add del mod ord">
          <ac:chgData name="Maja Johanne Fröling" userId="d6d35f67-c6c9-437d-8f6d-d29a3f816a1c" providerId="ADAL" clId="{EB1672AA-91B8-4619-B1B5-9F0B5A81D9BA}" dt="2022-03-16T12:20:36.057" v="6647" actId="700"/>
          <ac:spMkLst>
            <pc:docMk/>
            <pc:sldMk cId="2605481509" sldId="631"/>
            <ac:spMk id="8" creationId="{C962186D-4172-4D35-806D-A64FB97D3285}"/>
          </ac:spMkLst>
        </pc:spChg>
        <pc:spChg chg="add mod">
          <ac:chgData name="Maja Johanne Fröling" userId="d6d35f67-c6c9-437d-8f6d-d29a3f816a1c" providerId="ADAL" clId="{EB1672AA-91B8-4619-B1B5-9F0B5A81D9BA}" dt="2022-03-18T07:29:30.802" v="7421" actId="1076"/>
          <ac:spMkLst>
            <pc:docMk/>
            <pc:sldMk cId="2605481509" sldId="631"/>
            <ac:spMk id="9" creationId="{8A073A3D-2ACA-4565-A4BB-EFAA3C70A5B7}"/>
          </ac:spMkLst>
        </pc:spChg>
        <pc:spChg chg="add del mod ord">
          <ac:chgData name="Maja Johanne Fröling" userId="d6d35f67-c6c9-437d-8f6d-d29a3f816a1c" providerId="ADAL" clId="{EB1672AA-91B8-4619-B1B5-9F0B5A81D9BA}" dt="2022-03-16T12:20:36.057" v="6647" actId="700"/>
          <ac:spMkLst>
            <pc:docMk/>
            <pc:sldMk cId="2605481509" sldId="631"/>
            <ac:spMk id="9" creationId="{B1DBD9E1-7F4B-458F-9702-F0D5E8E1B36D}"/>
          </ac:spMkLst>
        </pc:spChg>
        <pc:spChg chg="add mod">
          <ac:chgData name="Maja Johanne Fröling" userId="d6d35f67-c6c9-437d-8f6d-d29a3f816a1c" providerId="ADAL" clId="{EB1672AA-91B8-4619-B1B5-9F0B5A81D9BA}" dt="2022-03-22T07:36:00.301" v="8200" actId="14100"/>
          <ac:spMkLst>
            <pc:docMk/>
            <pc:sldMk cId="2605481509" sldId="631"/>
            <ac:spMk id="10" creationId="{0A7FD1EF-48FD-4DAA-B8F9-0D990A4FFB5E}"/>
          </ac:spMkLst>
        </pc:spChg>
        <pc:spChg chg="add del mod ord">
          <ac:chgData name="Maja Johanne Fröling" userId="d6d35f67-c6c9-437d-8f6d-d29a3f816a1c" providerId="ADAL" clId="{EB1672AA-91B8-4619-B1B5-9F0B5A81D9BA}" dt="2022-03-16T12:20:36.057" v="6647" actId="700"/>
          <ac:spMkLst>
            <pc:docMk/>
            <pc:sldMk cId="2605481509" sldId="631"/>
            <ac:spMk id="10" creationId="{FFEC6D4A-5AE2-44BF-AC2B-CC5AE02267CD}"/>
          </ac:spMkLst>
        </pc:spChg>
        <pc:spChg chg="add mod">
          <ac:chgData name="Maja Johanne Fröling" userId="d6d35f67-c6c9-437d-8f6d-d29a3f816a1c" providerId="ADAL" clId="{EB1672AA-91B8-4619-B1B5-9F0B5A81D9BA}" dt="2022-03-22T07:35:55.669" v="8199" actId="20577"/>
          <ac:spMkLst>
            <pc:docMk/>
            <pc:sldMk cId="2605481509" sldId="631"/>
            <ac:spMk id="11" creationId="{5B405E56-02DA-493B-AEAC-944FE5D6B8A1}"/>
          </ac:spMkLst>
        </pc:spChg>
        <pc:spChg chg="add del mod ord">
          <ac:chgData name="Maja Johanne Fröling" userId="d6d35f67-c6c9-437d-8f6d-d29a3f816a1c" providerId="ADAL" clId="{EB1672AA-91B8-4619-B1B5-9F0B5A81D9BA}" dt="2022-03-16T12:20:41.895" v="6648" actId="700"/>
          <ac:spMkLst>
            <pc:docMk/>
            <pc:sldMk cId="2605481509" sldId="631"/>
            <ac:spMk id="11" creationId="{70A0C4E4-84BA-4520-BCA2-F14D427DD417}"/>
          </ac:spMkLst>
        </pc:spChg>
        <pc:spChg chg="add del mod">
          <ac:chgData name="Maja Johanne Fröling" userId="d6d35f67-c6c9-437d-8f6d-d29a3f816a1c" providerId="ADAL" clId="{EB1672AA-91B8-4619-B1B5-9F0B5A81D9BA}" dt="2022-03-21T09:04:51.869" v="7817" actId="478"/>
          <ac:spMkLst>
            <pc:docMk/>
            <pc:sldMk cId="2605481509" sldId="631"/>
            <ac:spMk id="12" creationId="{565A00C6-02B3-48DA-9D03-957361739422}"/>
          </ac:spMkLst>
        </pc:spChg>
        <pc:spChg chg="add del mod ord">
          <ac:chgData name="Maja Johanne Fröling" userId="d6d35f67-c6c9-437d-8f6d-d29a3f816a1c" providerId="ADAL" clId="{EB1672AA-91B8-4619-B1B5-9F0B5A81D9BA}" dt="2022-03-16T12:20:41.895" v="6648" actId="700"/>
          <ac:spMkLst>
            <pc:docMk/>
            <pc:sldMk cId="2605481509" sldId="631"/>
            <ac:spMk id="12" creationId="{9BF8B03F-7A72-407E-BE45-7D954919F074}"/>
          </ac:spMkLst>
        </pc:spChg>
        <pc:spChg chg="add del mod ord">
          <ac:chgData name="Maja Johanne Fröling" userId="d6d35f67-c6c9-437d-8f6d-d29a3f816a1c" providerId="ADAL" clId="{EB1672AA-91B8-4619-B1B5-9F0B5A81D9BA}" dt="2022-03-16T12:20:41.895" v="6648" actId="700"/>
          <ac:spMkLst>
            <pc:docMk/>
            <pc:sldMk cId="2605481509" sldId="631"/>
            <ac:spMk id="13" creationId="{27E3A3AF-A0CC-4690-AA0B-62B5360EEFE5}"/>
          </ac:spMkLst>
        </pc:spChg>
        <pc:spChg chg="add del mod ord">
          <ac:chgData name="Maja Johanne Fröling" userId="d6d35f67-c6c9-437d-8f6d-d29a3f816a1c" providerId="ADAL" clId="{EB1672AA-91B8-4619-B1B5-9F0B5A81D9BA}" dt="2022-03-17T12:45:26.757" v="6706" actId="478"/>
          <ac:spMkLst>
            <pc:docMk/>
            <pc:sldMk cId="2605481509" sldId="631"/>
            <ac:spMk id="14" creationId="{D48094EF-7E13-45F3-8BAA-CA056FC8FF8A}"/>
          </ac:spMkLst>
        </pc:spChg>
        <pc:graphicFrameChg chg="add del mod">
          <ac:chgData name="Maja Johanne Fröling" userId="d6d35f67-c6c9-437d-8f6d-d29a3f816a1c" providerId="ADAL" clId="{EB1672AA-91B8-4619-B1B5-9F0B5A81D9BA}" dt="2022-03-17T12:44:38.523" v="6698" actId="478"/>
          <ac:graphicFrameMkLst>
            <pc:docMk/>
            <pc:sldMk cId="2605481509" sldId="631"/>
            <ac:graphicFrameMk id="5" creationId="{8520219E-15BD-498E-9063-8A869A6BB65A}"/>
          </ac:graphicFrameMkLst>
        </pc:graphicFrameChg>
        <pc:graphicFrameChg chg="add del mod">
          <ac:chgData name="Maja Johanne Fröling" userId="d6d35f67-c6c9-437d-8f6d-d29a3f816a1c" providerId="ADAL" clId="{EB1672AA-91B8-4619-B1B5-9F0B5A81D9BA}" dt="2022-03-22T07:31:46.324" v="8146" actId="478"/>
          <ac:graphicFrameMkLst>
            <pc:docMk/>
            <pc:sldMk cId="2605481509" sldId="631"/>
            <ac:graphicFrameMk id="6" creationId="{8520219E-15BD-498E-9063-8A869A6BB65A}"/>
          </ac:graphicFrameMkLst>
        </pc:graphicFrameChg>
        <pc:graphicFrameChg chg="add mod modGraphic">
          <ac:chgData name="Maja Johanne Fröling" userId="d6d35f67-c6c9-437d-8f6d-d29a3f816a1c" providerId="ADAL" clId="{EB1672AA-91B8-4619-B1B5-9F0B5A81D9BA}" dt="2022-03-22T07:37:22.763" v="8247" actId="14100"/>
          <ac:graphicFrameMkLst>
            <pc:docMk/>
            <pc:sldMk cId="2605481509" sldId="631"/>
            <ac:graphicFrameMk id="8" creationId="{1199F13A-0965-477C-B283-416C0E5C04E3}"/>
          </ac:graphicFrameMkLst>
        </pc:graphicFrameChg>
        <pc:graphicFrameChg chg="add mod">
          <ac:chgData name="Maja Johanne Fröling" userId="d6d35f67-c6c9-437d-8f6d-d29a3f816a1c" providerId="ADAL" clId="{EB1672AA-91B8-4619-B1B5-9F0B5A81D9BA}" dt="2022-03-22T07:39:28.064" v="8249"/>
          <ac:graphicFrameMkLst>
            <pc:docMk/>
            <pc:sldMk cId="2605481509" sldId="631"/>
            <ac:graphicFrameMk id="12" creationId="{8520219E-15BD-498E-9063-8A869A6BB65A}"/>
          </ac:graphicFrameMkLst>
        </pc:graphicFrameChg>
      </pc:sldChg>
    </pc:docChg>
  </pc:docChgLst>
  <pc:docChgLst>
    <pc:chgData name="Ditte Strandbygaard" userId="S::ditt@kp.dk::bb7082b2-533a-47fe-b379-178d705b7b2a" providerId="AD" clId="Web-{7CF90F79-6457-47C3-B691-E00E16995C3B}"/>
    <pc:docChg chg="modSld">
      <pc:chgData name="Ditte Strandbygaard" userId="S::ditt@kp.dk::bb7082b2-533a-47fe-b379-178d705b7b2a" providerId="AD" clId="Web-{7CF90F79-6457-47C3-B691-E00E16995C3B}" dt="2022-02-03T15:24:39.216" v="130" actId="20577"/>
      <pc:docMkLst>
        <pc:docMk/>
      </pc:docMkLst>
      <pc:sldChg chg="modSp">
        <pc:chgData name="Ditte Strandbygaard" userId="S::ditt@kp.dk::bb7082b2-533a-47fe-b379-178d705b7b2a" providerId="AD" clId="Web-{7CF90F79-6457-47C3-B691-E00E16995C3B}" dt="2022-02-03T15:20:38.278" v="0" actId="20577"/>
        <pc:sldMkLst>
          <pc:docMk/>
          <pc:sldMk cId="4074299677" sldId="326"/>
        </pc:sldMkLst>
        <pc:spChg chg="mod">
          <ac:chgData name="Ditte Strandbygaard" userId="S::ditt@kp.dk::bb7082b2-533a-47fe-b379-178d705b7b2a" providerId="AD" clId="Web-{7CF90F79-6457-47C3-B691-E00E16995C3B}" dt="2022-02-03T15:20:38.278" v="0" actId="20577"/>
          <ac:spMkLst>
            <pc:docMk/>
            <pc:sldMk cId="4074299677" sldId="326"/>
            <ac:spMk id="5" creationId="{989FE881-5107-4296-9604-048E6CF24DDB}"/>
          </ac:spMkLst>
        </pc:spChg>
      </pc:sldChg>
      <pc:sldChg chg="modSp">
        <pc:chgData name="Ditte Strandbygaard" userId="S::ditt@kp.dk::bb7082b2-533a-47fe-b379-178d705b7b2a" providerId="AD" clId="Web-{7CF90F79-6457-47C3-B691-E00E16995C3B}" dt="2022-02-03T15:23:18.132" v="33" actId="20577"/>
        <pc:sldMkLst>
          <pc:docMk/>
          <pc:sldMk cId="2071894717" sldId="331"/>
        </pc:sldMkLst>
        <pc:spChg chg="mod">
          <ac:chgData name="Ditte Strandbygaard" userId="S::ditt@kp.dk::bb7082b2-533a-47fe-b379-178d705b7b2a" providerId="AD" clId="Web-{7CF90F79-6457-47C3-B691-E00E16995C3B}" dt="2022-02-03T15:23:18.132" v="33" actId="20577"/>
          <ac:spMkLst>
            <pc:docMk/>
            <pc:sldMk cId="2071894717" sldId="331"/>
            <ac:spMk id="3" creationId="{1A7672D0-508E-40DA-9F86-825BB7C4DB4B}"/>
          </ac:spMkLst>
        </pc:spChg>
      </pc:sldChg>
      <pc:sldChg chg="modSp">
        <pc:chgData name="Ditte Strandbygaard" userId="S::ditt@kp.dk::bb7082b2-533a-47fe-b379-178d705b7b2a" providerId="AD" clId="Web-{7CF90F79-6457-47C3-B691-E00E16995C3B}" dt="2022-02-03T15:24:39.216" v="130" actId="20577"/>
        <pc:sldMkLst>
          <pc:docMk/>
          <pc:sldMk cId="2047261995" sldId="620"/>
        </pc:sldMkLst>
        <pc:spChg chg="mod">
          <ac:chgData name="Ditte Strandbygaard" userId="S::ditt@kp.dk::bb7082b2-533a-47fe-b379-178d705b7b2a" providerId="AD" clId="Web-{7CF90F79-6457-47C3-B691-E00E16995C3B}" dt="2022-02-03T15:24:39.216" v="130" actId="20577"/>
          <ac:spMkLst>
            <pc:docMk/>
            <pc:sldMk cId="2047261995" sldId="620"/>
            <ac:spMk id="2" creationId="{A45CBE40-2781-41F7-9C10-42FA1E83A798}"/>
          </ac:spMkLst>
        </pc:spChg>
      </pc:sldChg>
    </pc:docChg>
  </pc:docChgLst>
  <pc:docChgLst>
    <pc:chgData name="Maja Johanne Fröling" userId="S::mafl@kp.dk::d6d35f67-c6c9-437d-8f6d-d29a3f816a1c" providerId="AD" clId="Web-{F36B309D-AFE0-46C1-85E4-3F5FD466A042}"/>
    <pc:docChg chg="modSld">
      <pc:chgData name="Maja Johanne Fröling" userId="S::mafl@kp.dk::d6d35f67-c6c9-437d-8f6d-d29a3f816a1c" providerId="AD" clId="Web-{F36B309D-AFE0-46C1-85E4-3F5FD466A042}" dt="2022-02-15T13:18:37.960" v="427" actId="20577"/>
      <pc:docMkLst>
        <pc:docMk/>
      </pc:docMkLst>
      <pc:sldChg chg="modSp">
        <pc:chgData name="Maja Johanne Fröling" userId="S::mafl@kp.dk::d6d35f67-c6c9-437d-8f6d-d29a3f816a1c" providerId="AD" clId="Web-{F36B309D-AFE0-46C1-85E4-3F5FD466A042}" dt="2022-02-15T13:18:12.819" v="413" actId="20577"/>
        <pc:sldMkLst>
          <pc:docMk/>
          <pc:sldMk cId="1396860009" sldId="316"/>
        </pc:sldMkLst>
        <pc:spChg chg="mod">
          <ac:chgData name="Maja Johanne Fröling" userId="S::mafl@kp.dk::d6d35f67-c6c9-437d-8f6d-d29a3f816a1c" providerId="AD" clId="Web-{F36B309D-AFE0-46C1-85E4-3F5FD466A042}" dt="2022-02-15T13:18:12.819" v="413" actId="20577"/>
          <ac:spMkLst>
            <pc:docMk/>
            <pc:sldMk cId="1396860009" sldId="316"/>
            <ac:spMk id="7" creationId="{C710769E-3C81-48DB-8D33-AF74B6A2FD5E}"/>
          </ac:spMkLst>
        </pc:spChg>
      </pc:sldChg>
      <pc:sldChg chg="modSp">
        <pc:chgData name="Maja Johanne Fröling" userId="S::mafl@kp.dk::d6d35f67-c6c9-437d-8f6d-d29a3f816a1c" providerId="AD" clId="Web-{F36B309D-AFE0-46C1-85E4-3F5FD466A042}" dt="2022-02-15T13:18:37.960" v="427" actId="20577"/>
        <pc:sldMkLst>
          <pc:docMk/>
          <pc:sldMk cId="882225522" sldId="328"/>
        </pc:sldMkLst>
        <pc:spChg chg="mod">
          <ac:chgData name="Maja Johanne Fröling" userId="S::mafl@kp.dk::d6d35f67-c6c9-437d-8f6d-d29a3f816a1c" providerId="AD" clId="Web-{F36B309D-AFE0-46C1-85E4-3F5FD466A042}" dt="2022-02-15T13:15:29.910" v="333" actId="1076"/>
          <ac:spMkLst>
            <pc:docMk/>
            <pc:sldMk cId="882225522" sldId="328"/>
            <ac:spMk id="2" creationId="{14AF84E1-1AC3-4EBB-964C-D94025ECB1FA}"/>
          </ac:spMkLst>
        </pc:spChg>
        <pc:spChg chg="mod">
          <ac:chgData name="Maja Johanne Fröling" userId="S::mafl@kp.dk::d6d35f67-c6c9-437d-8f6d-d29a3f816a1c" providerId="AD" clId="Web-{F36B309D-AFE0-46C1-85E4-3F5FD466A042}" dt="2022-02-15T13:18:37.960" v="427" actId="20577"/>
          <ac:spMkLst>
            <pc:docMk/>
            <pc:sldMk cId="882225522" sldId="328"/>
            <ac:spMk id="4" creationId="{492191E9-2ADC-4CD8-8A7B-5FA575A36546}"/>
          </ac:spMkLst>
        </pc:spChg>
        <pc:picChg chg="mod">
          <ac:chgData name="Maja Johanne Fröling" userId="S::mafl@kp.dk::d6d35f67-c6c9-437d-8f6d-d29a3f816a1c" providerId="AD" clId="Web-{F36B309D-AFE0-46C1-85E4-3F5FD466A042}" dt="2022-02-15T13:15:15.301" v="328" actId="1076"/>
          <ac:picMkLst>
            <pc:docMk/>
            <pc:sldMk cId="882225522" sldId="328"/>
            <ac:picMk id="5" creationId="{D71D8E40-43D1-4C5D-AD91-F30415DE740B}"/>
          </ac:picMkLst>
        </pc:picChg>
      </pc:sldChg>
      <pc:sldChg chg="modSp delCm">
        <pc:chgData name="Maja Johanne Fröling" userId="S::mafl@kp.dk::d6d35f67-c6c9-437d-8f6d-d29a3f816a1c" providerId="AD" clId="Web-{F36B309D-AFE0-46C1-85E4-3F5FD466A042}" dt="2022-02-15T13:17:28.443" v="405" actId="1076"/>
        <pc:sldMkLst>
          <pc:docMk/>
          <pc:sldMk cId="1712534184" sldId="618"/>
        </pc:sldMkLst>
        <pc:spChg chg="mod">
          <ac:chgData name="Maja Johanne Fröling" userId="S::mafl@kp.dk::d6d35f67-c6c9-437d-8f6d-d29a3f816a1c" providerId="AD" clId="Web-{F36B309D-AFE0-46C1-85E4-3F5FD466A042}" dt="2022-02-15T13:17:20.724" v="403" actId="14100"/>
          <ac:spMkLst>
            <pc:docMk/>
            <pc:sldMk cId="1712534184" sldId="618"/>
            <ac:spMk id="4" creationId="{DBA79B4C-3FC5-40F2-9B53-62691603916D}"/>
          </ac:spMkLst>
        </pc:spChg>
        <pc:spChg chg="mod">
          <ac:chgData name="Maja Johanne Fröling" userId="S::mafl@kp.dk::d6d35f67-c6c9-437d-8f6d-d29a3f816a1c" providerId="AD" clId="Web-{F36B309D-AFE0-46C1-85E4-3F5FD466A042}" dt="2022-02-15T13:17:11.677" v="401" actId="20577"/>
          <ac:spMkLst>
            <pc:docMk/>
            <pc:sldMk cId="1712534184" sldId="618"/>
            <ac:spMk id="5" creationId="{2325F070-3E32-4A1C-A6A8-50E2853AA81A}"/>
          </ac:spMkLst>
        </pc:spChg>
        <pc:spChg chg="mod">
          <ac:chgData name="Maja Johanne Fröling" userId="S::mafl@kp.dk::d6d35f67-c6c9-437d-8f6d-d29a3f816a1c" providerId="AD" clId="Web-{F36B309D-AFE0-46C1-85E4-3F5FD466A042}" dt="2022-02-15T13:17:28.443" v="405" actId="1076"/>
          <ac:spMkLst>
            <pc:docMk/>
            <pc:sldMk cId="1712534184" sldId="618"/>
            <ac:spMk id="27" creationId="{BE6B59FE-CB61-45DE-A33E-E2A2881C23ED}"/>
          </ac:spMkLst>
        </pc:spChg>
      </pc:sldChg>
      <pc:sldChg chg="modSp">
        <pc:chgData name="Maja Johanne Fröling" userId="S::mafl@kp.dk::d6d35f67-c6c9-437d-8f6d-d29a3f816a1c" providerId="AD" clId="Web-{F36B309D-AFE0-46C1-85E4-3F5FD466A042}" dt="2022-02-15T13:15:58.426" v="355" actId="20577"/>
        <pc:sldMkLst>
          <pc:docMk/>
          <pc:sldMk cId="2047261995" sldId="620"/>
        </pc:sldMkLst>
        <pc:spChg chg="mod">
          <ac:chgData name="Maja Johanne Fröling" userId="S::mafl@kp.dk::d6d35f67-c6c9-437d-8f6d-d29a3f816a1c" providerId="AD" clId="Web-{F36B309D-AFE0-46C1-85E4-3F5FD466A042}" dt="2022-02-15T13:15:38.660" v="336" actId="20577"/>
          <ac:spMkLst>
            <pc:docMk/>
            <pc:sldMk cId="2047261995" sldId="620"/>
            <ac:spMk id="5" creationId="{CB2EA168-EE53-40CF-BA06-C67C4B3D1FF6}"/>
          </ac:spMkLst>
        </pc:spChg>
        <pc:spChg chg="mod">
          <ac:chgData name="Maja Johanne Fröling" userId="S::mafl@kp.dk::d6d35f67-c6c9-437d-8f6d-d29a3f816a1c" providerId="AD" clId="Web-{F36B309D-AFE0-46C1-85E4-3F5FD466A042}" dt="2022-02-15T13:15:58.426" v="355" actId="20577"/>
          <ac:spMkLst>
            <pc:docMk/>
            <pc:sldMk cId="2047261995" sldId="620"/>
            <ac:spMk id="12" creationId="{C4BE4E4C-C6AA-4F1B-9258-51FE499FC86B}"/>
          </ac:spMkLst>
        </pc:spChg>
      </pc:sldChg>
      <pc:sldChg chg="modSp">
        <pc:chgData name="Maja Johanne Fröling" userId="S::mafl@kp.dk::d6d35f67-c6c9-437d-8f6d-d29a3f816a1c" providerId="AD" clId="Web-{F36B309D-AFE0-46C1-85E4-3F5FD466A042}" dt="2022-02-15T13:17:49.147" v="411" actId="1076"/>
        <pc:sldMkLst>
          <pc:docMk/>
          <pc:sldMk cId="1352504187" sldId="623"/>
        </pc:sldMkLst>
        <pc:spChg chg="mod">
          <ac:chgData name="Maja Johanne Fröling" userId="S::mafl@kp.dk::d6d35f67-c6c9-437d-8f6d-d29a3f816a1c" providerId="AD" clId="Web-{F36B309D-AFE0-46C1-85E4-3F5FD466A042}" dt="2022-02-15T13:17:49.147" v="411" actId="1076"/>
          <ac:spMkLst>
            <pc:docMk/>
            <pc:sldMk cId="1352504187" sldId="623"/>
            <ac:spMk id="7" creationId="{E98B318E-5BD3-47A1-891D-0417C4B8D62E}"/>
          </ac:spMkLst>
        </pc:spChg>
      </pc:sldChg>
      <pc:sldChg chg="modSp">
        <pc:chgData name="Maja Johanne Fröling" userId="S::mafl@kp.dk::d6d35f67-c6c9-437d-8f6d-d29a3f816a1c" providerId="AD" clId="Web-{F36B309D-AFE0-46C1-85E4-3F5FD466A042}" dt="2022-02-15T13:16:56.818" v="377" actId="1076"/>
        <pc:sldMkLst>
          <pc:docMk/>
          <pc:sldMk cId="2950231413" sldId="624"/>
        </pc:sldMkLst>
        <pc:spChg chg="mod">
          <ac:chgData name="Maja Johanne Fröling" userId="S::mafl@kp.dk::d6d35f67-c6c9-437d-8f6d-d29a3f816a1c" providerId="AD" clId="Web-{F36B309D-AFE0-46C1-85E4-3F5FD466A042}" dt="2022-02-15T13:16:39.786" v="370" actId="1076"/>
          <ac:spMkLst>
            <pc:docMk/>
            <pc:sldMk cId="2950231413" sldId="624"/>
            <ac:spMk id="2" creationId="{DFB73A68-5AEF-4F70-8B70-53E0F0F890A8}"/>
          </ac:spMkLst>
        </pc:spChg>
        <pc:spChg chg="mod">
          <ac:chgData name="Maja Johanne Fröling" userId="S::mafl@kp.dk::d6d35f67-c6c9-437d-8f6d-d29a3f816a1c" providerId="AD" clId="Web-{F36B309D-AFE0-46C1-85E4-3F5FD466A042}" dt="2022-02-15T13:16:56.818" v="377" actId="1076"/>
          <ac:spMkLst>
            <pc:docMk/>
            <pc:sldMk cId="2950231413" sldId="624"/>
            <ac:spMk id="23" creationId="{38C42214-0740-4F6D-BC78-4DF6A1E2A4D7}"/>
          </ac:spMkLst>
        </pc:spChg>
        <pc:graphicFrameChg chg="mod">
          <ac:chgData name="Maja Johanne Fröling" userId="S::mafl@kp.dk::d6d35f67-c6c9-437d-8f6d-d29a3f816a1c" providerId="AD" clId="Web-{F36B309D-AFE0-46C1-85E4-3F5FD466A042}" dt="2022-02-15T13:16:08.005" v="356" actId="14100"/>
          <ac:graphicFrameMkLst>
            <pc:docMk/>
            <pc:sldMk cId="2950231413" sldId="624"/>
            <ac:graphicFrameMk id="19" creationId="{FE49C441-139B-44DC-A407-931EB911E729}"/>
          </ac:graphicFrameMkLst>
        </pc:graphicFrameChg>
      </pc:sldChg>
    </pc:docChg>
  </pc:docChgLst>
  <pc:docChgLst>
    <pc:chgData name="Ditte Strandbygaard" userId="bb7082b2-533a-47fe-b379-178d705b7b2a" providerId="ADAL" clId="{0F098216-5875-4913-8AAF-9A4284BDCCCE}"/>
    <pc:docChg chg="delSld">
      <pc:chgData name="Ditte Strandbygaard" userId="bb7082b2-533a-47fe-b379-178d705b7b2a" providerId="ADAL" clId="{0F098216-5875-4913-8AAF-9A4284BDCCCE}" dt="2022-03-24T19:08:48.539" v="0" actId="2696"/>
      <pc:docMkLst>
        <pc:docMk/>
      </pc:docMkLst>
      <pc:sldChg chg="del">
        <pc:chgData name="Ditte Strandbygaard" userId="bb7082b2-533a-47fe-b379-178d705b7b2a" providerId="ADAL" clId="{0F098216-5875-4913-8AAF-9A4284BDCCCE}" dt="2022-03-24T19:08:48.539" v="0" actId="2696"/>
        <pc:sldMkLst>
          <pc:docMk/>
          <pc:sldMk cId="689579708" sldId="630"/>
        </pc:sldMkLst>
      </pc:sldChg>
    </pc:docChg>
  </pc:docChgLst>
  <pc:docChgLst>
    <pc:chgData name="Ditte Strandbygaard" userId="S::ditt@kp.dk::bb7082b2-533a-47fe-b379-178d705b7b2a" providerId="AD" clId="Web-{B9E80ED0-E4BE-425E-997B-1CBB31FE4B27}"/>
    <pc:docChg chg="modSld sldOrd">
      <pc:chgData name="Ditte Strandbygaard" userId="S::ditt@kp.dk::bb7082b2-533a-47fe-b379-178d705b7b2a" providerId="AD" clId="Web-{B9E80ED0-E4BE-425E-997B-1CBB31FE4B27}" dt="2022-02-04T07:55:52.332" v="11" actId="20577"/>
      <pc:docMkLst>
        <pc:docMk/>
      </pc:docMkLst>
      <pc:sldChg chg="modSp">
        <pc:chgData name="Ditte Strandbygaard" userId="S::ditt@kp.dk::bb7082b2-533a-47fe-b379-178d705b7b2a" providerId="AD" clId="Web-{B9E80ED0-E4BE-425E-997B-1CBB31FE4B27}" dt="2022-02-04T07:39:08.650" v="2" actId="20577"/>
        <pc:sldMkLst>
          <pc:docMk/>
          <pc:sldMk cId="218865380" sldId="315"/>
        </pc:sldMkLst>
        <pc:spChg chg="mod">
          <ac:chgData name="Ditte Strandbygaard" userId="S::ditt@kp.dk::bb7082b2-533a-47fe-b379-178d705b7b2a" providerId="AD" clId="Web-{B9E80ED0-E4BE-425E-997B-1CBB31FE4B27}" dt="2022-02-04T07:39:08.650" v="2" actId="20577"/>
          <ac:spMkLst>
            <pc:docMk/>
            <pc:sldMk cId="218865380" sldId="315"/>
            <ac:spMk id="3" creationId="{00000000-0000-0000-0000-000000000000}"/>
          </ac:spMkLst>
        </pc:spChg>
      </pc:sldChg>
      <pc:sldChg chg="modSp ord modCm">
        <pc:chgData name="Ditte Strandbygaard" userId="S::ditt@kp.dk::bb7082b2-533a-47fe-b379-178d705b7b2a" providerId="AD" clId="Web-{B9E80ED0-E4BE-425E-997B-1CBB31FE4B27}" dt="2022-02-04T07:55:52.332" v="11" actId="20577"/>
        <pc:sldMkLst>
          <pc:docMk/>
          <pc:sldMk cId="4074299677" sldId="326"/>
        </pc:sldMkLst>
        <pc:spChg chg="mod">
          <ac:chgData name="Ditte Strandbygaard" userId="S::ditt@kp.dk::bb7082b2-533a-47fe-b379-178d705b7b2a" providerId="AD" clId="Web-{B9E80ED0-E4BE-425E-997B-1CBB31FE4B27}" dt="2022-02-04T07:55:52.332" v="11" actId="20577"/>
          <ac:spMkLst>
            <pc:docMk/>
            <pc:sldMk cId="4074299677" sldId="326"/>
            <ac:spMk id="3" creationId="{71BBB99B-AC69-4402-8EA0-134607652028}"/>
          </ac:spMkLst>
        </pc:spChg>
      </pc:sldChg>
      <pc:sldChg chg="modSp">
        <pc:chgData name="Ditte Strandbygaard" userId="S::ditt@kp.dk::bb7082b2-533a-47fe-b379-178d705b7b2a" providerId="AD" clId="Web-{B9E80ED0-E4BE-425E-997B-1CBB31FE4B27}" dt="2022-02-04T07:47:55.618" v="5" actId="20577"/>
        <pc:sldMkLst>
          <pc:docMk/>
          <pc:sldMk cId="2524609119" sldId="330"/>
        </pc:sldMkLst>
        <pc:spChg chg="mod">
          <ac:chgData name="Ditte Strandbygaard" userId="S::ditt@kp.dk::bb7082b2-533a-47fe-b379-178d705b7b2a" providerId="AD" clId="Web-{B9E80ED0-E4BE-425E-997B-1CBB31FE4B27}" dt="2022-02-04T07:47:55.618" v="5" actId="20577"/>
          <ac:spMkLst>
            <pc:docMk/>
            <pc:sldMk cId="2524609119" sldId="330"/>
            <ac:spMk id="8" creationId="{BB634C32-62A2-4A28-A538-706E45334C2E}"/>
          </ac:spMkLst>
        </pc:spChg>
      </pc:sldChg>
      <pc:sldChg chg="modSp modCm">
        <pc:chgData name="Ditte Strandbygaard" userId="S::ditt@kp.dk::bb7082b2-533a-47fe-b379-178d705b7b2a" providerId="AD" clId="Web-{B9E80ED0-E4BE-425E-997B-1CBB31FE4B27}" dt="2022-02-04T07:53:23.167" v="8" actId="20577"/>
        <pc:sldMkLst>
          <pc:docMk/>
          <pc:sldMk cId="2071894717" sldId="331"/>
        </pc:sldMkLst>
        <pc:spChg chg="mod">
          <ac:chgData name="Ditte Strandbygaard" userId="S::ditt@kp.dk::bb7082b2-533a-47fe-b379-178d705b7b2a" providerId="AD" clId="Web-{B9E80ED0-E4BE-425E-997B-1CBB31FE4B27}" dt="2022-02-04T07:53:23.167" v="8" actId="20577"/>
          <ac:spMkLst>
            <pc:docMk/>
            <pc:sldMk cId="2071894717" sldId="331"/>
            <ac:spMk id="3" creationId="{1A7672D0-508E-40DA-9F86-825BB7C4DB4B}"/>
          </ac:spMkLst>
        </pc:spChg>
      </pc:sldChg>
    </pc:docChg>
  </pc:docChgLst>
  <pc:docChgLst>
    <pc:chgData name="Maja Johanne Fröling" userId="S::mafl@kp.dk::d6d35f67-c6c9-437d-8f6d-d29a3f816a1c" providerId="AD" clId="Web-{3C60113C-FC26-4AA6-A224-6CEDC7AE4728}"/>
    <pc:docChg chg="modSld">
      <pc:chgData name="Maja Johanne Fröling" userId="S::mafl@kp.dk::d6d35f67-c6c9-437d-8f6d-d29a3f816a1c" providerId="AD" clId="Web-{3C60113C-FC26-4AA6-A224-6CEDC7AE4728}" dt="2022-03-17T12:33:03.170" v="5" actId="20577"/>
      <pc:docMkLst>
        <pc:docMk/>
      </pc:docMkLst>
      <pc:sldChg chg="modCm">
        <pc:chgData name="Maja Johanne Fröling" userId="S::mafl@kp.dk::d6d35f67-c6c9-437d-8f6d-d29a3f816a1c" providerId="AD" clId="Web-{3C60113C-FC26-4AA6-A224-6CEDC7AE4728}" dt="2022-03-17T12:25:49.239" v="0"/>
        <pc:sldMkLst>
          <pc:docMk/>
          <pc:sldMk cId="882225522" sldId="328"/>
        </pc:sldMkLst>
      </pc:sldChg>
      <pc:sldChg chg="modSp modCm">
        <pc:chgData name="Maja Johanne Fröling" userId="S::mafl@kp.dk::d6d35f67-c6c9-437d-8f6d-d29a3f816a1c" providerId="AD" clId="Web-{3C60113C-FC26-4AA6-A224-6CEDC7AE4728}" dt="2022-03-17T12:33:03.170" v="5" actId="20577"/>
        <pc:sldMkLst>
          <pc:docMk/>
          <pc:sldMk cId="2524609119" sldId="330"/>
        </pc:sldMkLst>
        <pc:spChg chg="mod">
          <ac:chgData name="Maja Johanne Fröling" userId="S::mafl@kp.dk::d6d35f67-c6c9-437d-8f6d-d29a3f816a1c" providerId="AD" clId="Web-{3C60113C-FC26-4AA6-A224-6CEDC7AE4728}" dt="2022-03-17T12:33:03.170" v="5" actId="20577"/>
          <ac:spMkLst>
            <pc:docMk/>
            <pc:sldMk cId="2524609119" sldId="330"/>
            <ac:spMk id="8" creationId="{BB634C32-62A2-4A28-A538-706E45334C2E}"/>
          </ac:spMkLst>
        </pc:spChg>
      </pc:sldChg>
    </pc:docChg>
  </pc:docChgLst>
  <pc:docChgLst>
    <pc:chgData name="Maja Johanne Fröling" userId="S::mafl@kp.dk::d6d35f67-c6c9-437d-8f6d-d29a3f816a1c" providerId="AD" clId="Web-{AAC8EA13-565D-7A9D-2DE3-7290127F3592}"/>
    <pc:docChg chg="modSld">
      <pc:chgData name="Maja Johanne Fröling" userId="S::mafl@kp.dk::d6d35f67-c6c9-437d-8f6d-d29a3f816a1c" providerId="AD" clId="Web-{AAC8EA13-565D-7A9D-2DE3-7290127F3592}" dt="2022-03-14T07:41:52.972" v="15"/>
      <pc:docMkLst>
        <pc:docMk/>
      </pc:docMkLst>
      <pc:sldChg chg="modSp">
        <pc:chgData name="Maja Johanne Fröling" userId="S::mafl@kp.dk::d6d35f67-c6c9-437d-8f6d-d29a3f816a1c" providerId="AD" clId="Web-{AAC8EA13-565D-7A9D-2DE3-7290127F3592}" dt="2022-03-14T07:40:21.673" v="13" actId="20577"/>
        <pc:sldMkLst>
          <pc:docMk/>
          <pc:sldMk cId="190751606" sldId="256"/>
        </pc:sldMkLst>
        <pc:spChg chg="mod">
          <ac:chgData name="Maja Johanne Fröling" userId="S::mafl@kp.dk::d6d35f67-c6c9-437d-8f6d-d29a3f816a1c" providerId="AD" clId="Web-{AAC8EA13-565D-7A9D-2DE3-7290127F3592}" dt="2022-03-14T07:40:21.673" v="13" actId="20577"/>
          <ac:spMkLst>
            <pc:docMk/>
            <pc:sldMk cId="190751606" sldId="256"/>
            <ac:spMk id="3" creationId="{00000000-0000-0000-0000-000000000000}"/>
          </ac:spMkLst>
        </pc:spChg>
      </pc:sldChg>
      <pc:sldChg chg="modSp">
        <pc:chgData name="Maja Johanne Fröling" userId="S::mafl@kp.dk::d6d35f67-c6c9-437d-8f6d-d29a3f816a1c" providerId="AD" clId="Web-{AAC8EA13-565D-7A9D-2DE3-7290127F3592}" dt="2022-03-14T07:35:14.025" v="6" actId="20577"/>
        <pc:sldMkLst>
          <pc:docMk/>
          <pc:sldMk cId="4074299677" sldId="326"/>
        </pc:sldMkLst>
        <pc:spChg chg="mod">
          <ac:chgData name="Maja Johanne Fröling" userId="S::mafl@kp.dk::d6d35f67-c6c9-437d-8f6d-d29a3f816a1c" providerId="AD" clId="Web-{AAC8EA13-565D-7A9D-2DE3-7290127F3592}" dt="2022-03-14T07:35:14.025" v="6" actId="20577"/>
          <ac:spMkLst>
            <pc:docMk/>
            <pc:sldMk cId="4074299677" sldId="326"/>
            <ac:spMk id="3" creationId="{71BBB99B-AC69-4402-8EA0-134607652028}"/>
          </ac:spMkLst>
        </pc:spChg>
      </pc:sldChg>
      <pc:sldChg chg="modSp">
        <pc:chgData name="Maja Johanne Fröling" userId="S::mafl@kp.dk::d6d35f67-c6c9-437d-8f6d-d29a3f816a1c" providerId="AD" clId="Web-{AAC8EA13-565D-7A9D-2DE3-7290127F3592}" dt="2022-03-14T07:30:06.673" v="1" actId="14100"/>
        <pc:sldMkLst>
          <pc:docMk/>
          <pc:sldMk cId="2524609119" sldId="330"/>
        </pc:sldMkLst>
        <pc:spChg chg="mod">
          <ac:chgData name="Maja Johanne Fröling" userId="S::mafl@kp.dk::d6d35f67-c6c9-437d-8f6d-d29a3f816a1c" providerId="AD" clId="Web-{AAC8EA13-565D-7A9D-2DE3-7290127F3592}" dt="2022-03-14T07:30:06.673" v="1" actId="14100"/>
          <ac:spMkLst>
            <pc:docMk/>
            <pc:sldMk cId="2524609119" sldId="330"/>
            <ac:spMk id="3" creationId="{6B180D92-8524-43E8-9EED-A4FF3E7757FB}"/>
          </ac:spMkLst>
        </pc:spChg>
      </pc:sldChg>
      <pc:sldChg chg="modSp">
        <pc:chgData name="Maja Johanne Fröling" userId="S::mafl@kp.dk::d6d35f67-c6c9-437d-8f6d-d29a3f816a1c" providerId="AD" clId="Web-{AAC8EA13-565D-7A9D-2DE3-7290127F3592}" dt="2022-03-14T07:30:48.721" v="3" actId="20577"/>
        <pc:sldMkLst>
          <pc:docMk/>
          <pc:sldMk cId="2071894717" sldId="331"/>
        </pc:sldMkLst>
        <pc:spChg chg="mod">
          <ac:chgData name="Maja Johanne Fröling" userId="S::mafl@kp.dk::d6d35f67-c6c9-437d-8f6d-d29a3f816a1c" providerId="AD" clId="Web-{AAC8EA13-565D-7A9D-2DE3-7290127F3592}" dt="2022-03-14T07:30:48.721" v="3" actId="20577"/>
          <ac:spMkLst>
            <pc:docMk/>
            <pc:sldMk cId="2071894717" sldId="331"/>
            <ac:spMk id="3" creationId="{1A7672D0-508E-40DA-9F86-825BB7C4DB4B}"/>
          </ac:spMkLst>
        </pc:spChg>
      </pc:sldChg>
      <pc:sldChg chg="modSp">
        <pc:chgData name="Maja Johanne Fröling" userId="S::mafl@kp.dk::d6d35f67-c6c9-437d-8f6d-d29a3f816a1c" providerId="AD" clId="Web-{AAC8EA13-565D-7A9D-2DE3-7290127F3592}" dt="2022-03-14T07:41:52.972" v="15"/>
        <pc:sldMkLst>
          <pc:docMk/>
          <pc:sldMk cId="1712534184" sldId="618"/>
        </pc:sldMkLst>
        <pc:graphicFrameChg chg="modGraphic">
          <ac:chgData name="Maja Johanne Fröling" userId="S::mafl@kp.dk::d6d35f67-c6c9-437d-8f6d-d29a3f816a1c" providerId="AD" clId="Web-{AAC8EA13-565D-7A9D-2DE3-7290127F3592}" dt="2022-03-14T07:41:52.972" v="15"/>
          <ac:graphicFrameMkLst>
            <pc:docMk/>
            <pc:sldMk cId="1712534184" sldId="618"/>
            <ac:graphicFrameMk id="14" creationId="{5179CBCE-AB67-478C-9CC6-91A488BFEE5F}"/>
          </ac:graphicFrameMkLst>
        </pc:graphicFrameChg>
      </pc:sldChg>
      <pc:sldChg chg="modSp">
        <pc:chgData name="Maja Johanne Fröling" userId="S::mafl@kp.dk::d6d35f67-c6c9-437d-8f6d-d29a3f816a1c" providerId="AD" clId="Web-{AAC8EA13-565D-7A9D-2DE3-7290127F3592}" dt="2022-03-14T07:40:14.986" v="11" actId="20577"/>
        <pc:sldMkLst>
          <pc:docMk/>
          <pc:sldMk cId="2047261995" sldId="620"/>
        </pc:sldMkLst>
        <pc:spChg chg="mod">
          <ac:chgData name="Maja Johanne Fröling" userId="S::mafl@kp.dk::d6d35f67-c6c9-437d-8f6d-d29a3f816a1c" providerId="AD" clId="Web-{AAC8EA13-565D-7A9D-2DE3-7290127F3592}" dt="2022-03-14T07:40:14.986" v="11" actId="20577"/>
          <ac:spMkLst>
            <pc:docMk/>
            <pc:sldMk cId="2047261995" sldId="620"/>
            <ac:spMk id="12" creationId="{C4BE4E4C-C6AA-4F1B-9258-51FE499FC86B}"/>
          </ac:spMkLst>
        </pc:spChg>
      </pc:sldChg>
    </pc:docChg>
  </pc:docChgLst>
  <pc:docChgLst>
    <pc:chgData name="Maja Johanne Fröling" userId="S::mafl@kp.dk::d6d35f67-c6c9-437d-8f6d-d29a3f816a1c" providerId="AD" clId="Web-{B962D74E-78B8-40B8-B0BF-227AC9C8496B}"/>
    <pc:docChg chg="">
      <pc:chgData name="Maja Johanne Fröling" userId="S::mafl@kp.dk::d6d35f67-c6c9-437d-8f6d-d29a3f816a1c" providerId="AD" clId="Web-{B962D74E-78B8-40B8-B0BF-227AC9C8496B}" dt="2022-03-18T07:16:19.129" v="1"/>
      <pc:docMkLst>
        <pc:docMk/>
      </pc:docMkLst>
      <pc:sldChg chg="modCm">
        <pc:chgData name="Maja Johanne Fröling" userId="S::mafl@kp.dk::d6d35f67-c6c9-437d-8f6d-d29a3f816a1c" providerId="AD" clId="Web-{B962D74E-78B8-40B8-B0BF-227AC9C8496B}" dt="2022-03-18T07:16:19.129" v="1"/>
        <pc:sldMkLst>
          <pc:docMk/>
          <pc:sldMk cId="882225522" sldId="328"/>
        </pc:sldMkLst>
      </pc:sldChg>
      <pc:sldChg chg="modCm">
        <pc:chgData name="Maja Johanne Fröling" userId="S::mafl@kp.dk::d6d35f67-c6c9-437d-8f6d-d29a3f816a1c" providerId="AD" clId="Web-{B962D74E-78B8-40B8-B0BF-227AC9C8496B}" dt="2022-03-18T07:16:00.973" v="0"/>
        <pc:sldMkLst>
          <pc:docMk/>
          <pc:sldMk cId="2605481509" sldId="631"/>
        </pc:sldMkLst>
      </pc:sldChg>
    </pc:docChg>
  </pc:docChgLst>
  <pc:docChgLst>
    <pc:chgData name="Maja Johanne Fröling" userId="S::mafl@kp.dk::d6d35f67-c6c9-437d-8f6d-d29a3f816a1c" providerId="AD" clId="Web-{1A43495F-C86B-4222-9B63-60C24C14FE8B}"/>
    <pc:docChg chg="addSld">
      <pc:chgData name="Maja Johanne Fröling" userId="S::mafl@kp.dk::d6d35f67-c6c9-437d-8f6d-d29a3f816a1c" providerId="AD" clId="Web-{1A43495F-C86B-4222-9B63-60C24C14FE8B}" dt="2022-03-16T11:17:28.844" v="0"/>
      <pc:docMkLst>
        <pc:docMk/>
      </pc:docMkLst>
      <pc:sldChg chg="new">
        <pc:chgData name="Maja Johanne Fröling" userId="S::mafl@kp.dk::d6d35f67-c6c9-437d-8f6d-d29a3f816a1c" providerId="AD" clId="Web-{1A43495F-C86B-4222-9B63-60C24C14FE8B}" dt="2022-03-16T11:17:28.844" v="0"/>
        <pc:sldMkLst>
          <pc:docMk/>
          <pc:sldMk cId="2605481509" sldId="631"/>
        </pc:sldMkLst>
      </pc:sldChg>
    </pc:docChg>
  </pc:docChgLst>
  <pc:docChgLst>
    <pc:chgData name="Rikke Skovgaard Andersen" userId="1c5fd02a-e9e6-49b0-b4e1-747dde0b91c8" providerId="ADAL" clId="{C2498BCF-EA5D-4A61-AF30-4F5DB95A7A8F}"/>
    <pc:docChg chg="modSld">
      <pc:chgData name="Rikke Skovgaard Andersen" userId="1c5fd02a-e9e6-49b0-b4e1-747dde0b91c8" providerId="ADAL" clId="{C2498BCF-EA5D-4A61-AF30-4F5DB95A7A8F}" dt="2022-02-03T20:02:15.673" v="61"/>
      <pc:docMkLst>
        <pc:docMk/>
      </pc:docMkLst>
      <pc:sldChg chg="addCm">
        <pc:chgData name="Rikke Skovgaard Andersen" userId="1c5fd02a-e9e6-49b0-b4e1-747dde0b91c8" providerId="ADAL" clId="{C2498BCF-EA5D-4A61-AF30-4F5DB95A7A8F}" dt="2022-02-03T19:37:50.349" v="13"/>
        <pc:sldMkLst>
          <pc:docMk/>
          <pc:sldMk cId="190751606" sldId="256"/>
        </pc:sldMkLst>
      </pc:sldChg>
      <pc:sldChg chg="addCm delCm">
        <pc:chgData name="Rikke Skovgaard Andersen" userId="1c5fd02a-e9e6-49b0-b4e1-747dde0b91c8" providerId="ADAL" clId="{C2498BCF-EA5D-4A61-AF30-4F5DB95A7A8F}" dt="2022-02-03T19:53:20.974" v="21"/>
        <pc:sldMkLst>
          <pc:docMk/>
          <pc:sldMk cId="218865380" sldId="315"/>
        </pc:sldMkLst>
      </pc:sldChg>
      <pc:sldChg chg="addCm modCm">
        <pc:chgData name="Rikke Skovgaard Andersen" userId="1c5fd02a-e9e6-49b0-b4e1-747dde0b91c8" providerId="ADAL" clId="{C2498BCF-EA5D-4A61-AF30-4F5DB95A7A8F}" dt="2022-02-03T19:45:35.074" v="17"/>
        <pc:sldMkLst>
          <pc:docMk/>
          <pc:sldMk cId="4074299677" sldId="326"/>
        </pc:sldMkLst>
      </pc:sldChg>
      <pc:sldChg chg="addCm">
        <pc:chgData name="Rikke Skovgaard Andersen" userId="1c5fd02a-e9e6-49b0-b4e1-747dde0b91c8" providerId="ADAL" clId="{C2498BCF-EA5D-4A61-AF30-4F5DB95A7A8F}" dt="2022-02-03T19:17:05.813" v="4"/>
        <pc:sldMkLst>
          <pc:docMk/>
          <pc:sldMk cId="882225522" sldId="328"/>
        </pc:sldMkLst>
      </pc:sldChg>
      <pc:sldChg chg="addCm">
        <pc:chgData name="Rikke Skovgaard Andersen" userId="1c5fd02a-e9e6-49b0-b4e1-747dde0b91c8" providerId="ADAL" clId="{C2498BCF-EA5D-4A61-AF30-4F5DB95A7A8F}" dt="2022-02-03T19:19:28.709" v="6"/>
        <pc:sldMkLst>
          <pc:docMk/>
          <pc:sldMk cId="2524609119" sldId="330"/>
        </pc:sldMkLst>
      </pc:sldChg>
      <pc:sldChg chg="modSp mod addCm modCm">
        <pc:chgData name="Rikke Skovgaard Andersen" userId="1c5fd02a-e9e6-49b0-b4e1-747dde0b91c8" providerId="ADAL" clId="{C2498BCF-EA5D-4A61-AF30-4F5DB95A7A8F}" dt="2022-02-03T19:36:19.117" v="12" actId="20577"/>
        <pc:sldMkLst>
          <pc:docMk/>
          <pc:sldMk cId="2071894717" sldId="331"/>
        </pc:sldMkLst>
        <pc:spChg chg="mod">
          <ac:chgData name="Rikke Skovgaard Andersen" userId="1c5fd02a-e9e6-49b0-b4e1-747dde0b91c8" providerId="ADAL" clId="{C2498BCF-EA5D-4A61-AF30-4F5DB95A7A8F}" dt="2022-02-03T19:36:19.117" v="12" actId="20577"/>
          <ac:spMkLst>
            <pc:docMk/>
            <pc:sldMk cId="2071894717" sldId="331"/>
            <ac:spMk id="11" creationId="{A234D38C-0A8B-4418-81EB-D4D7F17CD2CA}"/>
          </ac:spMkLst>
        </pc:spChg>
      </pc:sldChg>
      <pc:sldChg chg="addCm">
        <pc:chgData name="Rikke Skovgaard Andersen" userId="1c5fd02a-e9e6-49b0-b4e1-747dde0b91c8" providerId="ADAL" clId="{C2498BCF-EA5D-4A61-AF30-4F5DB95A7A8F}" dt="2022-02-03T20:01:08.555" v="59"/>
        <pc:sldMkLst>
          <pc:docMk/>
          <pc:sldMk cId="1684268491" sldId="579"/>
        </pc:sldMkLst>
      </pc:sldChg>
      <pc:sldChg chg="addCm modCm">
        <pc:chgData name="Rikke Skovgaard Andersen" userId="1c5fd02a-e9e6-49b0-b4e1-747dde0b91c8" providerId="ADAL" clId="{C2498BCF-EA5D-4A61-AF30-4F5DB95A7A8F}" dt="2022-02-03T19:46:11.291" v="18"/>
        <pc:sldMkLst>
          <pc:docMk/>
          <pc:sldMk cId="1712534184" sldId="618"/>
        </pc:sldMkLst>
      </pc:sldChg>
      <pc:sldChg chg="modSp mod addCm">
        <pc:chgData name="Rikke Skovgaard Andersen" userId="1c5fd02a-e9e6-49b0-b4e1-747dde0b91c8" providerId="ADAL" clId="{C2498BCF-EA5D-4A61-AF30-4F5DB95A7A8F}" dt="2022-02-03T20:01:33.917" v="60"/>
        <pc:sldMkLst>
          <pc:docMk/>
          <pc:sldMk cId="456610205" sldId="619"/>
        </pc:sldMkLst>
        <pc:spChg chg="mod">
          <ac:chgData name="Rikke Skovgaard Andersen" userId="1c5fd02a-e9e6-49b0-b4e1-747dde0b91c8" providerId="ADAL" clId="{C2498BCF-EA5D-4A61-AF30-4F5DB95A7A8F}" dt="2022-02-03T19:57:56.822" v="57" actId="20577"/>
          <ac:spMkLst>
            <pc:docMk/>
            <pc:sldMk cId="456610205" sldId="619"/>
            <ac:spMk id="5" creationId="{00000000-0000-0000-0000-000000000000}"/>
          </ac:spMkLst>
        </pc:spChg>
      </pc:sldChg>
      <pc:sldChg chg="modCm">
        <pc:chgData name="Rikke Skovgaard Andersen" userId="1c5fd02a-e9e6-49b0-b4e1-747dde0b91c8" providerId="ADAL" clId="{C2498BCF-EA5D-4A61-AF30-4F5DB95A7A8F}" dt="2022-02-03T20:02:15.673" v="61"/>
        <pc:sldMkLst>
          <pc:docMk/>
          <pc:sldMk cId="1320466122" sldId="622"/>
        </pc:sldMkLst>
      </pc:sld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54450" y="0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BDBD347-9913-4ABB-8A43-9B8FF372A2DD}" type="datetimeFigureOut">
              <a:rPr lang="en-US"/>
              <a:t>6/23/2022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40863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54450" y="9440863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8B116402-ABF7-47D5-AC3C-5EC41B4152DB}" type="slidenum">
              <a:rPr lang="en-US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12812559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9575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54450" y="0"/>
            <a:ext cx="2949575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A120F30-42D0-4B58-B5B5-52B23DE7A863}" type="datetimeFigureOut">
              <a:rPr lang="da-DK"/>
              <a:pPr/>
              <a:t>23-06-2022</a:t>
            </a:fld>
            <a:endParaRPr lang="en-GB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92075" y="746125"/>
            <a:ext cx="6623050" cy="3725863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1038" y="4721225"/>
            <a:ext cx="5443537" cy="447198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40863"/>
            <a:ext cx="2949575" cy="4968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54450" y="9440863"/>
            <a:ext cx="2949575" cy="4968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336C548-B58F-4577-956A-A567C7589401}" type="slidenum">
              <a:rPr lang="en-GB"/>
              <a:pPr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9128366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336C548-B58F-4577-956A-A567C7589401}" type="slidenum">
              <a:rPr lang="en-GB" smtClean="0"/>
              <a:pPr/>
              <a:t>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1084047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2336C548-B58F-4577-956A-A567C7589401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7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26908414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336C548-B58F-4577-956A-A567C7589401}" type="slidenum">
              <a:rPr lang="en-GB" smtClean="0"/>
              <a:pPr/>
              <a:t>8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697303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png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7.jpe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troside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ggrund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pic>
        <p:nvPicPr>
          <p:cNvPr id="1026" name="Picture 2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04728" y="1974453"/>
            <a:ext cx="3334544" cy="119459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sside 2-spaltet med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63200" y="663538"/>
            <a:ext cx="4889293" cy="986182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763587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/>
              <a:t>Klik for at redigere i master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8" name="Pladsholder til tekst 5"/>
          <p:cNvSpPr>
            <a:spLocks noGrp="1"/>
          </p:cNvSpPr>
          <p:nvPr>
            <p:ph type="body" sz="quarter" idx="12"/>
          </p:nvPr>
        </p:nvSpPr>
        <p:spPr>
          <a:xfrm>
            <a:off x="3284240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/>
              <a:t>Klik for at redigere i master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7" name="Pladsholder til billede 6"/>
          <p:cNvSpPr>
            <a:spLocks noGrp="1"/>
          </p:cNvSpPr>
          <p:nvPr>
            <p:ph type="pic" sz="quarter" idx="13"/>
          </p:nvPr>
        </p:nvSpPr>
        <p:spPr>
          <a:xfrm>
            <a:off x="6099175" y="0"/>
            <a:ext cx="3044825" cy="5143500"/>
          </a:xfrm>
          <a:prstGeom prst="rect">
            <a:avLst/>
          </a:prstGeom>
        </p:spPr>
        <p:txBody>
          <a:bodyPr/>
          <a:lstStyle/>
          <a:p>
            <a:endParaRPr lang="da-DK"/>
          </a:p>
        </p:txBody>
      </p:sp>
      <p:sp>
        <p:nvSpPr>
          <p:cNvPr id="10" name="Pladsholder til dato 2"/>
          <p:cNvSpPr>
            <a:spLocks noGrp="1"/>
          </p:cNvSpPr>
          <p:nvPr>
            <p:ph type="dt" sz="half" idx="2"/>
          </p:nvPr>
        </p:nvSpPr>
        <p:spPr>
          <a:xfrm>
            <a:off x="3312382" y="4775527"/>
            <a:ext cx="2555762" cy="138499"/>
          </a:xfrm>
          <a:prstGeom prst="rect">
            <a:avLst/>
          </a:prstGeom>
        </p:spPr>
        <p:txBody>
          <a:bodyPr lIns="0" tIns="0" rIns="0" bIns="0"/>
          <a:lstStyle>
            <a:lvl1pPr>
              <a:defRPr sz="900">
                <a:latin typeface="Georgia" panose="02040502050405020303" pitchFamily="18" charset="0"/>
              </a:defRPr>
            </a:lvl1pPr>
          </a:lstStyle>
          <a:p>
            <a:fld id="{E3F176F0-4EB5-41D1-866E-A621282BE2B8}" type="datetime2">
              <a:rPr lang="da-DK" smtClean="0"/>
              <a:t>23. juni 202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4337048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dholdsside med billede vens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dsholder til billede 6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4572000" cy="5143500"/>
          </a:xfrm>
          <a:prstGeom prst="rect">
            <a:avLst/>
          </a:prstGeom>
        </p:spPr>
        <p:txBody>
          <a:bodyPr/>
          <a:lstStyle/>
          <a:p>
            <a:endParaRPr lang="da-DK"/>
          </a:p>
        </p:txBody>
      </p:sp>
      <p:sp>
        <p:nvSpPr>
          <p:cNvPr id="9" name="Baggrund"/>
          <p:cNvSpPr/>
          <p:nvPr userDrawn="1"/>
        </p:nvSpPr>
        <p:spPr>
          <a:xfrm>
            <a:off x="4578144" y="0"/>
            <a:ext cx="4565856" cy="257175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" name="Pladsholder til tekst 5"/>
          <p:cNvSpPr>
            <a:spLocks noGrp="1"/>
          </p:cNvSpPr>
          <p:nvPr>
            <p:ph type="body" sz="quarter" idx="14"/>
          </p:nvPr>
        </p:nvSpPr>
        <p:spPr>
          <a:xfrm>
            <a:off x="5078874" y="421779"/>
            <a:ext cx="3564396" cy="1728192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1pPr>
            <a:lvl2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2pPr>
            <a:lvl3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3pPr>
            <a:lvl4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4pPr>
            <a:lvl5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/>
              <a:t>Klik for at redigere i master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1" name="Pladsholder til tekst 5"/>
          <p:cNvSpPr>
            <a:spLocks noGrp="1"/>
          </p:cNvSpPr>
          <p:nvPr>
            <p:ph type="body" sz="quarter" idx="15"/>
          </p:nvPr>
        </p:nvSpPr>
        <p:spPr>
          <a:xfrm>
            <a:off x="5083916" y="3687874"/>
            <a:ext cx="2260392" cy="1116124"/>
          </a:xfrm>
          <a:prstGeom prst="rect">
            <a:avLst/>
          </a:prstGeom>
        </p:spPr>
        <p:txBody>
          <a:bodyPr lIns="0" tIns="0" rIns="0" bIns="0"/>
          <a:lstStyle>
            <a:lvl1pPr algn="l">
              <a:defRPr sz="1000">
                <a:solidFill>
                  <a:srgbClr val="000000"/>
                </a:solidFill>
                <a:latin typeface="Georgia" panose="02040502050405020303" pitchFamily="18" charset="0"/>
              </a:defRPr>
            </a:lvl1pPr>
            <a:lvl2pPr algn="l">
              <a:defRPr sz="1000">
                <a:solidFill>
                  <a:srgbClr val="000000"/>
                </a:solidFill>
                <a:latin typeface="Georgia" panose="02040502050405020303" pitchFamily="18" charset="0"/>
              </a:defRPr>
            </a:lvl2pPr>
            <a:lvl3pPr algn="l">
              <a:defRPr sz="1000">
                <a:solidFill>
                  <a:srgbClr val="000000"/>
                </a:solidFill>
                <a:latin typeface="Georgia" panose="02040502050405020303" pitchFamily="18" charset="0"/>
              </a:defRPr>
            </a:lvl3pPr>
            <a:lvl4pPr algn="l">
              <a:defRPr sz="1000">
                <a:solidFill>
                  <a:srgbClr val="000000"/>
                </a:solidFill>
                <a:latin typeface="Georgia" panose="02040502050405020303" pitchFamily="18" charset="0"/>
              </a:defRPr>
            </a:lvl4pPr>
            <a:lvl5pPr algn="l">
              <a:defRPr sz="1000">
                <a:solidFill>
                  <a:srgbClr val="000000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/>
              <a:t>Klik for at redigere i master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2" name="Titel 1"/>
          <p:cNvSpPr>
            <a:spLocks noGrp="1"/>
          </p:cNvSpPr>
          <p:nvPr>
            <p:ph type="title"/>
          </p:nvPr>
        </p:nvSpPr>
        <p:spPr>
          <a:xfrm>
            <a:off x="5078874" y="3039802"/>
            <a:ext cx="2265434" cy="468052"/>
          </a:xfrm>
        </p:spPr>
        <p:txBody>
          <a:bodyPr/>
          <a:lstStyle>
            <a:lvl1pPr>
              <a:defRPr sz="1600">
                <a:solidFill>
                  <a:srgbClr val="000000"/>
                </a:solidFill>
              </a:defRPr>
            </a:lvl1pPr>
          </a:lstStyle>
          <a:p>
            <a:r>
              <a:rPr lang="da-DK"/>
              <a:t>Klik for at redigere i master</a:t>
            </a:r>
          </a:p>
        </p:txBody>
      </p:sp>
      <p:sp>
        <p:nvSpPr>
          <p:cNvPr id="8" name="bk object 16"/>
          <p:cNvSpPr/>
          <p:nvPr userDrawn="1"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3" name="bk object 17"/>
          <p:cNvSpPr/>
          <p:nvPr userDrawn="1"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1471630897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sside 2-spaltet - Spejl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5184068" y="395103"/>
            <a:ext cx="3449133" cy="628475"/>
          </a:xfrm>
        </p:spPr>
        <p:txBody>
          <a:bodyPr/>
          <a:lstStyle>
            <a:lvl1pPr algn="ctr">
              <a:defRPr sz="2000">
                <a:solidFill>
                  <a:schemeClr val="accent1"/>
                </a:solidFill>
              </a:defRPr>
            </a:lvl1pPr>
          </a:lstStyle>
          <a:p>
            <a:r>
              <a:rPr lang="da-DK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5188133" y="1203598"/>
            <a:ext cx="3445068" cy="2592388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rgbClr val="000000"/>
                </a:solidFill>
              </a:defRPr>
            </a:lvl1pPr>
            <a:lvl2pPr algn="ctr">
              <a:defRPr>
                <a:solidFill>
                  <a:srgbClr val="000000"/>
                </a:solidFill>
              </a:defRPr>
            </a:lvl2pPr>
            <a:lvl3pPr algn="ctr">
              <a:defRPr>
                <a:solidFill>
                  <a:srgbClr val="000000"/>
                </a:solidFill>
              </a:defRPr>
            </a:lvl3pPr>
            <a:lvl4pPr algn="ctr">
              <a:defRPr>
                <a:solidFill>
                  <a:srgbClr val="000000"/>
                </a:solidFill>
              </a:defRPr>
            </a:lvl4pPr>
            <a:lvl5pPr algn="ctr"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/>
              <a:t>Klik for at redigere i master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5" name="Baggrund"/>
          <p:cNvSpPr/>
          <p:nvPr userDrawn="1"/>
        </p:nvSpPr>
        <p:spPr>
          <a:xfrm>
            <a:off x="0" y="0"/>
            <a:ext cx="4572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" name="Pladsholder til tekst 5"/>
          <p:cNvSpPr>
            <a:spLocks noGrp="1"/>
          </p:cNvSpPr>
          <p:nvPr>
            <p:ph type="body" sz="quarter" idx="13"/>
          </p:nvPr>
        </p:nvSpPr>
        <p:spPr>
          <a:xfrm>
            <a:off x="719826" y="888194"/>
            <a:ext cx="3132348" cy="3367112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1pPr>
            <a:lvl2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2pPr>
            <a:lvl3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3pPr>
            <a:lvl4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4pPr>
            <a:lvl5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/>
              <a:t>Klik for at redigere i master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3256277122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m_K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k object 16"/>
          <p:cNvSpPr/>
          <p:nvPr userDrawn="1"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4" name="bk object 17"/>
          <p:cNvSpPr/>
          <p:nvPr userDrawn="1"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566404088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71561479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ektions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ggrund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PresentationTitle2"/>
          <p:cNvSpPr>
            <a:spLocks noGrp="1"/>
          </p:cNvSpPr>
          <p:nvPr>
            <p:ph type="ctrTitle" hasCustomPrompt="1"/>
          </p:nvPr>
        </p:nvSpPr>
        <p:spPr>
          <a:xfrm>
            <a:off x="761858" y="663538"/>
            <a:ext cx="7410541" cy="1186291"/>
          </a:xfrm>
        </p:spPr>
        <p:txBody>
          <a:bodyPr/>
          <a:lstStyle>
            <a:lvl1pPr>
              <a:defRPr sz="450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da-DK" noProof="0"/>
              <a:t>CLICK TO EDIT</a:t>
            </a:r>
            <a:br>
              <a:rPr lang="da-DK" noProof="0"/>
            </a:br>
            <a:r>
              <a:rPr lang="da-DK" noProof="0"/>
              <a:t>MASTER TITLE STYLE</a:t>
            </a:r>
          </a:p>
        </p:txBody>
      </p:sp>
      <p:sp>
        <p:nvSpPr>
          <p:cNvPr id="4" name="bk object 16"/>
          <p:cNvSpPr/>
          <p:nvPr userDrawn="1"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6" name="bk object 17"/>
          <p:cNvSpPr/>
          <p:nvPr userDrawn="1"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 lIns="0" tIns="0" rIns="0" bIns="0" rtlCol="0"/>
          <a:lstStyle/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351011997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troside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ggrund"/>
          <p:cNvSpPr/>
          <p:nvPr userDrawn="1"/>
        </p:nvSpPr>
        <p:spPr>
          <a:xfrm>
            <a:off x="4572000" y="0"/>
            <a:ext cx="4572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pic>
        <p:nvPicPr>
          <p:cNvPr id="11" name="Picture 7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2629954" y="1552435"/>
            <a:ext cx="3884092" cy="20386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" name="Picture 9"/>
          <p:cNvPicPr>
            <a:picLocks noChangeAspect="1" noChangeArrowheads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363157" y="4528786"/>
            <a:ext cx="728851" cy="2609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30478336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troside 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lede 5"/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765" r="20976"/>
          <a:stretch/>
        </p:blipFill>
        <p:spPr>
          <a:xfrm>
            <a:off x="4572000" y="-1"/>
            <a:ext cx="4572000" cy="5143212"/>
          </a:xfrm>
          <a:prstGeom prst="rect">
            <a:avLst/>
          </a:prstGeom>
        </p:spPr>
      </p:pic>
      <p:sp>
        <p:nvSpPr>
          <p:cNvPr id="7" name="object 5"/>
          <p:cNvSpPr/>
          <p:nvPr userDrawn="1"/>
        </p:nvSpPr>
        <p:spPr>
          <a:xfrm>
            <a:off x="0" y="0"/>
            <a:ext cx="4572000" cy="5143211"/>
          </a:xfrm>
          <a:custGeom>
            <a:avLst/>
            <a:gdLst/>
            <a:ahLst/>
            <a:cxnLst/>
            <a:rect l="l" t="t" r="r" b="b"/>
            <a:pathLst>
              <a:path w="10052050" h="11308715">
                <a:moveTo>
                  <a:pt x="0" y="11308556"/>
                </a:moveTo>
                <a:lnTo>
                  <a:pt x="10052049" y="11308556"/>
                </a:lnTo>
                <a:lnTo>
                  <a:pt x="10052049" y="0"/>
                </a:lnTo>
                <a:lnTo>
                  <a:pt x="0" y="0"/>
                </a:lnTo>
                <a:lnTo>
                  <a:pt x="0" y="11308556"/>
                </a:lnTo>
                <a:close/>
              </a:path>
            </a:pathLst>
          </a:custGeom>
          <a:solidFill>
            <a:schemeClr val="accent1"/>
          </a:solidFill>
        </p:spPr>
        <p:txBody>
          <a:bodyPr wrap="square" lIns="0" tIns="0" rIns="0" bIns="0" rtlCol="0"/>
          <a:lstStyle/>
          <a:p>
            <a:endParaRPr>
              <a:solidFill>
                <a:srgbClr val="FA3C3C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8" name="Picture 2"/>
          <p:cNvPicPr>
            <a:picLocks noChangeAspect="1" noChangeArrowheads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2631140" y="1553057"/>
            <a:ext cx="3881721" cy="20373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9" name="Picture 9"/>
          <p:cNvPicPr>
            <a:picLocks noChangeAspect="1" noChangeArrowheads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363132" y="4528786"/>
            <a:ext cx="728903" cy="2609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08333900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side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ggrund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PresentationTitle2"/>
          <p:cNvSpPr>
            <a:spLocks noGrp="1"/>
          </p:cNvSpPr>
          <p:nvPr>
            <p:ph type="ctrTitle" hasCustomPrompt="1"/>
          </p:nvPr>
        </p:nvSpPr>
        <p:spPr>
          <a:xfrm>
            <a:off x="761858" y="663538"/>
            <a:ext cx="7410541" cy="1186291"/>
          </a:xfrm>
        </p:spPr>
        <p:txBody>
          <a:bodyPr/>
          <a:lstStyle>
            <a:lvl1pPr>
              <a:defRPr sz="4500" cap="all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da-DK" noProof="0"/>
              <a:t>CLICK TO EDIT</a:t>
            </a:r>
            <a:br>
              <a:rPr lang="da-DK" noProof="0"/>
            </a:br>
            <a:r>
              <a:rPr lang="da-DK" noProof="0"/>
              <a:t>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761858" y="2139702"/>
            <a:ext cx="6569531" cy="594364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ts val="1900"/>
              </a:lnSpc>
              <a:buNone/>
              <a:defRPr sz="1600" b="1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noProof="0" err="1"/>
              <a:t>Click</a:t>
            </a:r>
            <a:r>
              <a:rPr lang="da-DK" noProof="0"/>
              <a:t> to </a:t>
            </a:r>
            <a:r>
              <a:rPr lang="da-DK" noProof="0" err="1"/>
              <a:t>edit</a:t>
            </a:r>
            <a:r>
              <a:rPr lang="da-DK" noProof="0"/>
              <a:t> Master </a:t>
            </a:r>
            <a:r>
              <a:rPr lang="da-DK" noProof="0" err="1"/>
              <a:t>subtitle</a:t>
            </a:r>
            <a:r>
              <a:rPr lang="da-DK" noProof="0"/>
              <a:t> </a:t>
            </a:r>
            <a:r>
              <a:rPr lang="da-DK" noProof="0" err="1"/>
              <a:t>style</a:t>
            </a:r>
            <a:endParaRPr lang="da-DK" noProof="0"/>
          </a:p>
        </p:txBody>
      </p:sp>
      <p:pic>
        <p:nvPicPr>
          <p:cNvPr id="9" name="Picture 9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8054192" y="4563442"/>
            <a:ext cx="728903" cy="2609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16822283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side med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2" descr="C:\Users\Hedekjær\Desktop\PPT\UCC-083.jpg"/>
          <p:cNvPicPr>
            <a:picLocks noChangeAspect="1" noChangeArrowheads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5619"/>
          <a:stretch/>
        </p:blipFill>
        <p:spPr bwMode="auto">
          <a:xfrm>
            <a:off x="0" y="0"/>
            <a:ext cx="9144000" cy="51435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" name="Picture 9"/>
          <p:cNvPicPr>
            <a:picLocks noChangeAspect="1" noChangeArrowheads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8054192" y="4563442"/>
            <a:ext cx="728903" cy="2609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4" name="PresentationTitle2"/>
          <p:cNvSpPr>
            <a:spLocks noGrp="1"/>
          </p:cNvSpPr>
          <p:nvPr>
            <p:ph type="ctrTitle" hasCustomPrompt="1"/>
          </p:nvPr>
        </p:nvSpPr>
        <p:spPr>
          <a:xfrm>
            <a:off x="761858" y="663538"/>
            <a:ext cx="7410541" cy="1186291"/>
          </a:xfrm>
        </p:spPr>
        <p:txBody>
          <a:bodyPr/>
          <a:lstStyle>
            <a:lvl1pPr>
              <a:defRPr sz="450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da-DK" noProof="0"/>
              <a:t>CLICK TO EDIT</a:t>
            </a:r>
            <a:br>
              <a:rPr lang="da-DK" noProof="0"/>
            </a:br>
            <a:r>
              <a:rPr lang="da-DK" noProof="0"/>
              <a:t>MASTER TITLE STYLE</a:t>
            </a:r>
          </a:p>
        </p:txBody>
      </p:sp>
      <p:sp>
        <p:nvSpPr>
          <p:cNvPr id="15" name="Subtitle 2"/>
          <p:cNvSpPr>
            <a:spLocks noGrp="1"/>
          </p:cNvSpPr>
          <p:nvPr>
            <p:ph type="subTitle" idx="1"/>
          </p:nvPr>
        </p:nvSpPr>
        <p:spPr>
          <a:xfrm>
            <a:off x="761858" y="2139702"/>
            <a:ext cx="6569531" cy="594364"/>
          </a:xfrm>
          <a:prstGeom prst="rect">
            <a:avLst/>
          </a:prstGeom>
        </p:spPr>
        <p:txBody>
          <a:bodyPr>
            <a:noAutofit/>
          </a:bodyPr>
          <a:lstStyle>
            <a:lvl1pPr marL="0" indent="0" algn="l">
              <a:lnSpc>
                <a:spcPts val="1900"/>
              </a:lnSpc>
              <a:buNone/>
              <a:defRPr sz="1600" b="1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noProof="0" err="1"/>
              <a:t>Click</a:t>
            </a:r>
            <a:r>
              <a:rPr lang="da-DK" noProof="0"/>
              <a:t> to </a:t>
            </a:r>
            <a:r>
              <a:rPr lang="da-DK" noProof="0" err="1"/>
              <a:t>edit</a:t>
            </a:r>
            <a:r>
              <a:rPr lang="da-DK" noProof="0"/>
              <a:t> Master </a:t>
            </a:r>
            <a:r>
              <a:rPr lang="da-DK" noProof="0" err="1"/>
              <a:t>subtitle</a:t>
            </a:r>
            <a:r>
              <a:rPr lang="da-DK" noProof="0"/>
              <a:t> </a:t>
            </a:r>
            <a:r>
              <a:rPr lang="da-DK" noProof="0" err="1"/>
              <a:t>style</a:t>
            </a:r>
            <a:endParaRPr lang="da-DK" noProof="0"/>
          </a:p>
        </p:txBody>
      </p:sp>
    </p:spTree>
    <p:extLst>
      <p:ext uri="{BB962C8B-B14F-4D97-AF65-F5344CB8AC3E}">
        <p14:creationId xmlns:p14="http://schemas.microsoft.com/office/powerpoint/2010/main" val="33151114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sside 1-spal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/>
              <a:t>Klik for at redigere i master</a:t>
            </a:r>
          </a:p>
        </p:txBody>
      </p:sp>
      <p:sp>
        <p:nvSpPr>
          <p:cNvPr id="6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763588" y="1816100"/>
            <a:ext cx="7488237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/>
              <a:t>Klik for at redigere i master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7" name="Pladsholder til dato 2"/>
          <p:cNvSpPr>
            <a:spLocks noGrp="1"/>
          </p:cNvSpPr>
          <p:nvPr>
            <p:ph type="dt" sz="half" idx="2"/>
          </p:nvPr>
        </p:nvSpPr>
        <p:spPr>
          <a:xfrm>
            <a:off x="3312382" y="4775527"/>
            <a:ext cx="2555762" cy="138499"/>
          </a:xfrm>
          <a:prstGeom prst="rect">
            <a:avLst/>
          </a:prstGeom>
        </p:spPr>
        <p:txBody>
          <a:bodyPr lIns="0" tIns="0" rIns="0" bIns="0"/>
          <a:lstStyle>
            <a:lvl1pPr>
              <a:defRPr sz="900">
                <a:latin typeface="Georgia" panose="02040502050405020303" pitchFamily="18" charset="0"/>
              </a:defRPr>
            </a:lvl1pPr>
          </a:lstStyle>
          <a:p>
            <a:fld id="{E3F176F0-4EB5-41D1-866E-A621282BE2B8}" type="datetime2">
              <a:rPr lang="da-DK" smtClean="0"/>
              <a:t>23. juni 202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9682116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sside 2-spal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763587" y="1816100"/>
            <a:ext cx="3600000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/>
              <a:t>Klik for at redigere i master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9" name="Pladsholder til indhold 8"/>
          <p:cNvSpPr>
            <a:spLocks noGrp="1"/>
          </p:cNvSpPr>
          <p:nvPr>
            <p:ph sz="quarter" idx="12"/>
          </p:nvPr>
        </p:nvSpPr>
        <p:spPr>
          <a:xfrm>
            <a:off x="4679950" y="1816100"/>
            <a:ext cx="3572008" cy="2592388"/>
          </a:xfrm>
          <a:prstGeom prst="rect">
            <a:avLst/>
          </a:prstGeom>
        </p:spPr>
        <p:txBody>
          <a:bodyPr/>
          <a:lstStyle/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6" name="Pladsholder til dato 2"/>
          <p:cNvSpPr>
            <a:spLocks noGrp="1"/>
          </p:cNvSpPr>
          <p:nvPr>
            <p:ph type="dt" sz="half" idx="2"/>
          </p:nvPr>
        </p:nvSpPr>
        <p:spPr>
          <a:xfrm>
            <a:off x="3312382" y="4775527"/>
            <a:ext cx="2555762" cy="138499"/>
          </a:xfrm>
          <a:prstGeom prst="rect">
            <a:avLst/>
          </a:prstGeom>
        </p:spPr>
        <p:txBody>
          <a:bodyPr lIns="0" tIns="0" rIns="0" bIns="0"/>
          <a:lstStyle>
            <a:lvl1pPr>
              <a:defRPr sz="900">
                <a:latin typeface="Georgia" panose="02040502050405020303" pitchFamily="18" charset="0"/>
              </a:defRPr>
            </a:lvl1pPr>
          </a:lstStyle>
          <a:p>
            <a:fld id="{E3F176F0-4EB5-41D1-866E-A621282BE2B8}" type="datetime2">
              <a:rPr lang="da-DK" smtClean="0"/>
              <a:t>23. juni 202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1681812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sside 3-spaltet - Høj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63200" y="663538"/>
            <a:ext cx="4889293" cy="986182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763587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/>
              <a:t>Klik for at redigere i master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5" name="Baggrund"/>
          <p:cNvSpPr/>
          <p:nvPr userDrawn="1"/>
        </p:nvSpPr>
        <p:spPr>
          <a:xfrm>
            <a:off x="6098400" y="0"/>
            <a:ext cx="30456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" name="Pladsholder til tekst 5"/>
          <p:cNvSpPr>
            <a:spLocks noGrp="1"/>
          </p:cNvSpPr>
          <p:nvPr>
            <p:ph type="body" sz="quarter" idx="12"/>
          </p:nvPr>
        </p:nvSpPr>
        <p:spPr>
          <a:xfrm>
            <a:off x="3284240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/>
              <a:t>Klik for at redigere i master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9" name="Pladsholder til tekst 5"/>
          <p:cNvSpPr>
            <a:spLocks noGrp="1"/>
          </p:cNvSpPr>
          <p:nvPr>
            <p:ph type="body" sz="quarter" idx="13"/>
          </p:nvPr>
        </p:nvSpPr>
        <p:spPr>
          <a:xfrm>
            <a:off x="6480212" y="663538"/>
            <a:ext cx="2368253" cy="3763156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1pPr>
            <a:lvl2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2pPr>
            <a:lvl3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3pPr>
            <a:lvl4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4pPr>
            <a:lvl5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/>
              <a:t>Klik for at redigere i master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0" name="bk object 16"/>
          <p:cNvSpPr/>
          <p:nvPr userDrawn="1"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1" name="bk object 17"/>
          <p:cNvSpPr/>
          <p:nvPr userDrawn="1"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2" name="Pladsholder til dato 2"/>
          <p:cNvSpPr>
            <a:spLocks noGrp="1"/>
          </p:cNvSpPr>
          <p:nvPr>
            <p:ph type="dt" sz="half" idx="2"/>
          </p:nvPr>
        </p:nvSpPr>
        <p:spPr>
          <a:xfrm>
            <a:off x="3312382" y="4775527"/>
            <a:ext cx="2555762" cy="138499"/>
          </a:xfrm>
          <a:prstGeom prst="rect">
            <a:avLst/>
          </a:prstGeom>
        </p:spPr>
        <p:txBody>
          <a:bodyPr lIns="0" tIns="0" rIns="0" bIns="0"/>
          <a:lstStyle>
            <a:lvl1pPr>
              <a:defRPr sz="900">
                <a:latin typeface="Georgia" panose="02040502050405020303" pitchFamily="18" charset="0"/>
              </a:defRPr>
            </a:lvl1pPr>
          </a:lstStyle>
          <a:p>
            <a:fld id="{E3F176F0-4EB5-41D1-866E-A621282BE2B8}" type="datetime2">
              <a:rPr lang="da-DK" smtClean="0"/>
              <a:t>23. juni 202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7197263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sside 3-spaltet - Vens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3671900" y="663538"/>
            <a:ext cx="4889293" cy="986182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3672287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/>
              <a:t>Klik for at redigere i master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5" name="Baggrund"/>
          <p:cNvSpPr/>
          <p:nvPr userDrawn="1"/>
        </p:nvSpPr>
        <p:spPr>
          <a:xfrm>
            <a:off x="0" y="0"/>
            <a:ext cx="30456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" name="Pladsholder til tekst 5"/>
          <p:cNvSpPr>
            <a:spLocks noGrp="1"/>
          </p:cNvSpPr>
          <p:nvPr>
            <p:ph type="body" sz="quarter" idx="12"/>
          </p:nvPr>
        </p:nvSpPr>
        <p:spPr>
          <a:xfrm>
            <a:off x="6192940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/>
              <a:t>Klik for at redigere i master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9" name="Pladsholder til tekst 5"/>
          <p:cNvSpPr>
            <a:spLocks noGrp="1"/>
          </p:cNvSpPr>
          <p:nvPr>
            <p:ph type="body" sz="quarter" idx="13"/>
          </p:nvPr>
        </p:nvSpPr>
        <p:spPr>
          <a:xfrm>
            <a:off x="381812" y="663538"/>
            <a:ext cx="2368253" cy="3763156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1pPr>
            <a:lvl2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2pPr>
            <a:lvl3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3pPr>
            <a:lvl4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4pPr>
            <a:lvl5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/>
              <a:t>Klik for at redigere i master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2709397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6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title"/>
          </p:nvPr>
        </p:nvSpPr>
        <p:spPr>
          <a:xfrm>
            <a:off x="763200" y="663538"/>
            <a:ext cx="7488758" cy="98618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noProof="0" err="1"/>
              <a:t>Click</a:t>
            </a:r>
            <a:r>
              <a:rPr lang="da-DK" noProof="0"/>
              <a:t> to </a:t>
            </a:r>
            <a:r>
              <a:rPr lang="da-DK" noProof="0" err="1"/>
              <a:t>edit</a:t>
            </a:r>
            <a:r>
              <a:rPr lang="da-DK" noProof="0"/>
              <a:t> Master </a:t>
            </a:r>
            <a:r>
              <a:rPr lang="da-DK" noProof="0" err="1"/>
              <a:t>title</a:t>
            </a:r>
            <a:r>
              <a:rPr lang="da-DK" noProof="0"/>
              <a:t> </a:t>
            </a:r>
            <a:r>
              <a:rPr lang="da-DK" noProof="0" err="1"/>
              <a:t>style</a:t>
            </a:r>
            <a:endParaRPr lang="da-DK" noProof="0"/>
          </a:p>
        </p:txBody>
      </p:sp>
      <p:sp>
        <p:nvSpPr>
          <p:cNvPr id="5" name="Tekstboks 4"/>
          <p:cNvSpPr txBox="1"/>
          <p:nvPr userDrawn="1"/>
        </p:nvSpPr>
        <p:spPr>
          <a:xfrm>
            <a:off x="1259632" y="4782627"/>
            <a:ext cx="1900588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900" b="0" noProof="0">
                <a:solidFill>
                  <a:srgbClr val="000000"/>
                </a:solidFill>
                <a:latin typeface="Georgia" panose="02040502050405020303" pitchFamily="18" charset="0"/>
                <a:cs typeface="Arial Bold"/>
              </a:rPr>
              <a:t>Københavns Professionshøjskole</a:t>
            </a:r>
          </a:p>
        </p:txBody>
      </p:sp>
      <p:sp>
        <p:nvSpPr>
          <p:cNvPr id="13" name="bk object 16"/>
          <p:cNvSpPr/>
          <p:nvPr userDrawn="1"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5" name="bk object 17"/>
          <p:cNvSpPr/>
          <p:nvPr userDrawn="1"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6" name="Tekstfelt 5"/>
          <p:cNvSpPr txBox="1"/>
          <p:nvPr userDrawn="1"/>
        </p:nvSpPr>
        <p:spPr>
          <a:xfrm>
            <a:off x="763200" y="4782627"/>
            <a:ext cx="424424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fld id="{5336F107-9AFD-4B73-BA88-5B99619BFCA3}" type="slidenum">
              <a:rPr lang="da-DK" sz="900" b="0" noProof="0" smtClean="0">
                <a:solidFill>
                  <a:schemeClr val="tx1"/>
                </a:solidFill>
                <a:latin typeface="Georgia" panose="02040502050405020303" pitchFamily="18" charset="0"/>
                <a:cs typeface="Arial Bold"/>
              </a:rPr>
              <a:t>‹nr.›</a:t>
            </a:fld>
            <a:endParaRPr lang="da-DK" sz="900" b="0" noProof="0">
              <a:solidFill>
                <a:schemeClr val="tx1"/>
              </a:solidFill>
              <a:latin typeface="Georgia" panose="02040502050405020303" pitchFamily="18" charset="0"/>
              <a:cs typeface="Arial Bold"/>
            </a:endParaRP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4" r:id="rId1"/>
    <p:sldLayoutId id="2147483653" r:id="rId2"/>
    <p:sldLayoutId id="2147483661" r:id="rId3"/>
    <p:sldLayoutId id="2147483650" r:id="rId4"/>
    <p:sldLayoutId id="2147483662" r:id="rId5"/>
    <p:sldLayoutId id="2147483699" r:id="rId6"/>
    <p:sldLayoutId id="2147483700" r:id="rId7"/>
    <p:sldLayoutId id="2147483701" r:id="rId8"/>
    <p:sldLayoutId id="2147483702" r:id="rId9"/>
    <p:sldLayoutId id="2147483703" r:id="rId10"/>
    <p:sldLayoutId id="2147483704" r:id="rId11"/>
    <p:sldLayoutId id="2147483705" r:id="rId12"/>
    <p:sldLayoutId id="2147483707" r:id="rId13"/>
    <p:sldLayoutId id="2147483708" r:id="rId14"/>
    <p:sldLayoutId id="2147483706" r:id="rId15"/>
  </p:sldLayoutIdLst>
  <p:hf hdr="0"/>
  <p:txStyles>
    <p:titleStyle>
      <a:lvl1pPr algn="l" defTabSz="457200" rtl="0" eaLnBrk="1" latinLnBrk="0" hangingPunct="1">
        <a:lnSpc>
          <a:spcPct val="90000"/>
        </a:lnSpc>
        <a:spcBef>
          <a:spcPct val="0"/>
        </a:spcBef>
        <a:buNone/>
        <a:defRPr sz="3000" b="1" kern="1200" cap="none" baseline="0">
          <a:solidFill>
            <a:schemeClr val="accent1"/>
          </a:solidFill>
          <a:latin typeface="+mn-lt"/>
          <a:ea typeface="+mj-ea"/>
          <a:cs typeface="Arial" pitchFamily="34" charset="0"/>
        </a:defRPr>
      </a:lvl1pPr>
    </p:titleStyle>
    <p:bodyStyle>
      <a:lvl1pPr marL="0" indent="0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Arial" panose="020B0604020202020204" pitchFamily="34" charset="0"/>
        <a:buNone/>
        <a:defRPr sz="1600" kern="1200">
          <a:solidFill>
            <a:schemeClr val="tx1"/>
          </a:solidFill>
          <a:latin typeface="+mn-lt"/>
          <a:ea typeface="+mn-ea"/>
          <a:cs typeface="Arial" pitchFamily="34" charset="0"/>
        </a:defRPr>
      </a:lvl1pPr>
      <a:lvl2pPr marL="180975" indent="0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None/>
        <a:defRPr sz="1600" kern="1200">
          <a:solidFill>
            <a:schemeClr val="tx1"/>
          </a:solidFill>
          <a:latin typeface="+mn-lt"/>
          <a:ea typeface="+mn-ea"/>
          <a:cs typeface="Arial" pitchFamily="34" charset="0"/>
        </a:defRPr>
      </a:lvl2pPr>
      <a:lvl3pPr marL="361950" indent="0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None/>
        <a:defRPr sz="1600" kern="1200">
          <a:solidFill>
            <a:schemeClr val="tx1"/>
          </a:solidFill>
          <a:latin typeface="+mn-lt"/>
          <a:ea typeface="+mn-ea"/>
          <a:cs typeface="Arial" pitchFamily="34" charset="0"/>
        </a:defRPr>
      </a:lvl3pPr>
      <a:lvl4pPr marL="534988" indent="0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None/>
        <a:defRPr sz="1600" kern="1200">
          <a:solidFill>
            <a:schemeClr val="tx1"/>
          </a:solidFill>
          <a:latin typeface="+mn-lt"/>
          <a:ea typeface="+mn-ea"/>
          <a:cs typeface="Arial" pitchFamily="34" charset="0"/>
        </a:defRPr>
      </a:lvl4pPr>
      <a:lvl5pPr marL="715963" indent="0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None/>
        <a:defRPr sz="1600" kern="1200">
          <a:solidFill>
            <a:schemeClr val="tx1"/>
          </a:solidFill>
          <a:latin typeface="+mn-lt"/>
          <a:ea typeface="+mn-ea"/>
          <a:cs typeface="Arial" pitchFamily="34" charset="0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8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6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sz="4000">
                <a:latin typeface="+mj-lt"/>
              </a:rPr>
              <a:t>Fortælling om Den pædagogiske assistent uddannelse</a:t>
            </a:r>
            <a:br>
              <a:rPr lang="da-DK">
                <a:latin typeface="+mj-lt"/>
              </a:rPr>
            </a:br>
            <a:endParaRPr lang="da-DK">
              <a:latin typeface="+mj-lt"/>
            </a:endParaRPr>
          </a:p>
        </p:txBody>
      </p:sp>
      <p:sp>
        <p:nvSpPr>
          <p:cNvPr id="3" name="Undertitel 2"/>
          <p:cNvSpPr>
            <a:spLocks noGrp="1"/>
          </p:cNvSpPr>
          <p:nvPr>
            <p:ph type="subTitle" idx="1"/>
          </p:nvPr>
        </p:nvSpPr>
        <p:spPr>
          <a:xfrm>
            <a:off x="758429" y="2325440"/>
            <a:ext cx="6569531" cy="594364"/>
          </a:xfrm>
        </p:spPr>
        <p:txBody>
          <a:bodyPr/>
          <a:lstStyle/>
          <a:p>
            <a:pPr>
              <a:buClr>
                <a:schemeClr val="bg1"/>
              </a:buClr>
            </a:pPr>
            <a:endParaRPr lang="da-DK">
              <a:solidFill>
                <a:srgbClr val="FF0000"/>
              </a:solidFill>
              <a:latin typeface="+mj-lt"/>
            </a:endParaRPr>
          </a:p>
          <a:p>
            <a:pPr>
              <a:buClr>
                <a:schemeClr val="bg1"/>
              </a:buClr>
            </a:pPr>
            <a:r>
              <a:rPr lang="da-DK">
                <a:latin typeface="+mj-lt"/>
              </a:rPr>
              <a:t>Institut for Pædagoguddannelse</a:t>
            </a:r>
            <a:br>
              <a:rPr lang="da-DK">
                <a:latin typeface="+mj-lt"/>
              </a:rPr>
            </a:br>
            <a:r>
              <a:rPr lang="da-DK">
                <a:latin typeface="+mj-lt"/>
              </a:rPr>
              <a:t>Det Pædagogiske og Samfundsfaglige Fakultet</a:t>
            </a:r>
          </a:p>
        </p:txBody>
      </p:sp>
      <p:sp>
        <p:nvSpPr>
          <p:cNvPr id="4" name="Date_DateCustomE"/>
          <p:cNvSpPr txBox="1">
            <a:spLocks/>
          </p:cNvSpPr>
          <p:nvPr/>
        </p:nvSpPr>
        <p:spPr>
          <a:xfrm>
            <a:off x="758429" y="4643665"/>
            <a:ext cx="2045946" cy="252010"/>
          </a:xfrm>
          <a:prstGeom prst="rect">
            <a:avLst/>
          </a:prstGeom>
        </p:spPr>
        <p:txBody>
          <a:bodyPr lIns="0" tIns="0" rIns="0" bIns="0"/>
          <a:lstStyle>
            <a:defPPr>
              <a:defRPr lang="da-DK"/>
            </a:defPPr>
            <a:lvl1pPr marL="0" algn="l" defTabSz="457200" rtl="0" eaLnBrk="1" latinLnBrk="0" hangingPunct="1">
              <a:defRPr sz="18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7FFF6BF-A8DF-4250-955E-8CA6640223DA}" type="datetime2">
              <a:rPr lang="da-DK" sz="1400" smtClean="0">
                <a:latin typeface="Georgia" panose="02040502050405020303" pitchFamily="18" charset="0"/>
              </a:rPr>
              <a:pPr/>
              <a:t>23. juni 2022</a:t>
            </a:fld>
            <a:endParaRPr lang="da-DK" sz="1400">
              <a:latin typeface="Georgia" panose="02040502050405020303" pitchFamily="18" charset="0"/>
            </a:endParaRPr>
          </a:p>
        </p:txBody>
      </p:sp>
      <p:sp>
        <p:nvSpPr>
          <p:cNvPr id="5" name="bmkAD2Name"/>
          <p:cNvSpPr txBox="1"/>
          <p:nvPr/>
        </p:nvSpPr>
        <p:spPr>
          <a:xfrm>
            <a:off x="758429" y="4427623"/>
            <a:ext cx="576000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>
                <a:solidFill>
                  <a:schemeClr val="bg1"/>
                </a:solidFill>
                <a:latin typeface="Georgia" panose="02040502050405020303" pitchFamily="18" charset="0"/>
                <a:cs typeface="Arial" pitchFamily="34" charset="0"/>
              </a:rPr>
              <a:t>Institutchef Kirsten Balle</a:t>
            </a:r>
            <a:endParaRPr lang="da-DK" sz="1400" noProof="0">
              <a:solidFill>
                <a:schemeClr val="bg1"/>
              </a:solidFill>
              <a:latin typeface="Georgia" panose="02040502050405020303" pitchFamily="18" charset="0"/>
              <a:cs typeface="Arial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18587186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086616C-45D4-4344-98D4-3E917745BBD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2400">
                <a:latin typeface="Georgia" panose="02040502050405020303" pitchFamily="18" charset="0"/>
              </a:rPr>
              <a:t>Væsentligste handlinger for at realisere vores ambitioner med rekruttering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57CB866C-7BDD-413C-A85A-0AC2D28E5159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763460" y="1566159"/>
            <a:ext cx="7488237" cy="2913803"/>
          </a:xfrm>
        </p:spPr>
        <p:txBody>
          <a:bodyPr/>
          <a:lstStyle/>
          <a:p>
            <a:r>
              <a:rPr lang="da-DK" sz="1400" b="1">
                <a:solidFill>
                  <a:schemeClr val="tx1"/>
                </a:solidFill>
                <a:latin typeface="Georgia" panose="02040502050405020303" pitchFamily="18" charset="0"/>
              </a:rPr>
              <a:t>Forsøgsordning</a:t>
            </a:r>
            <a:r>
              <a:rPr lang="da-DK" sz="1400">
                <a:solidFill>
                  <a:schemeClr val="tx1"/>
                </a:solidFill>
                <a:latin typeface="Georgia" panose="02040502050405020303" pitchFamily="18" charset="0"/>
              </a:rPr>
              <a:t> med fleksibelt tilrettelagt forløb for EUV1, der er attraktive for specialområdet og dagtilbud i en kombination af arbejde og uddannelse.</a:t>
            </a:r>
          </a:p>
          <a:p>
            <a:endParaRPr lang="da-DK" sz="1400" b="1">
              <a:solidFill>
                <a:schemeClr val="tx1"/>
              </a:solidFill>
              <a:latin typeface="Georgia" panose="02040502050405020303" pitchFamily="18" charset="0"/>
            </a:endParaRPr>
          </a:p>
          <a:p>
            <a:r>
              <a:rPr lang="da-DK" sz="1400" b="1">
                <a:solidFill>
                  <a:schemeClr val="tx1"/>
                </a:solidFill>
                <a:latin typeface="Georgia" panose="02040502050405020303" pitchFamily="18" charset="0"/>
              </a:rPr>
              <a:t>PAU som del af en pakke </a:t>
            </a:r>
            <a:r>
              <a:rPr lang="da-DK" sz="1400">
                <a:solidFill>
                  <a:schemeClr val="tx1"/>
                </a:solidFill>
                <a:latin typeface="Georgia" panose="02040502050405020303" pitchFamily="18" charset="0"/>
              </a:rPr>
              <a:t>med meritpædagoguddannelsen</a:t>
            </a:r>
          </a:p>
          <a:p>
            <a:endParaRPr lang="da-DK" sz="1400">
              <a:solidFill>
                <a:schemeClr val="tx1"/>
              </a:solidFill>
              <a:latin typeface="Georgia" panose="02040502050405020303" pitchFamily="18" charset="0"/>
            </a:endParaRPr>
          </a:p>
          <a:p>
            <a:r>
              <a:rPr lang="da-DK" sz="1400" b="1">
                <a:solidFill>
                  <a:schemeClr val="tx1"/>
                </a:solidFill>
                <a:latin typeface="Georgia" panose="02040502050405020303" pitchFamily="18" charset="0"/>
              </a:rPr>
              <a:t>Styrke </a:t>
            </a:r>
            <a:r>
              <a:rPr lang="da-DK" sz="1400" b="1" err="1">
                <a:solidFill>
                  <a:schemeClr val="tx1"/>
                </a:solidFill>
                <a:latin typeface="Georgia" panose="02040502050405020303" pitchFamily="18" charset="0"/>
              </a:rPr>
              <a:t>PAUernes</a:t>
            </a:r>
            <a:r>
              <a:rPr lang="da-DK" sz="1400" b="1">
                <a:solidFill>
                  <a:schemeClr val="tx1"/>
                </a:solidFill>
                <a:latin typeface="Georgia" panose="02040502050405020303" pitchFamily="18" charset="0"/>
              </a:rPr>
              <a:t> position på arbejdsmarkedet </a:t>
            </a:r>
            <a:r>
              <a:rPr lang="da-DK" sz="1400">
                <a:solidFill>
                  <a:schemeClr val="tx1"/>
                </a:solidFill>
                <a:latin typeface="Georgia" panose="02040502050405020303" pitchFamily="18" charset="0"/>
              </a:rPr>
              <a:t>i et strategisk samarbejde med FOA og </a:t>
            </a:r>
            <a:r>
              <a:rPr lang="da-DK" sz="1400" err="1">
                <a:solidFill>
                  <a:schemeClr val="tx1"/>
                </a:solidFill>
                <a:latin typeface="Georgia" panose="02040502050405020303" pitchFamily="18" charset="0"/>
              </a:rPr>
              <a:t>UCerne</a:t>
            </a:r>
            <a:r>
              <a:rPr lang="da-DK" sz="1400">
                <a:solidFill>
                  <a:schemeClr val="tx1"/>
                </a:solidFill>
                <a:latin typeface="Georgia" panose="02040502050405020303" pitchFamily="18" charset="0"/>
              </a:rPr>
              <a:t>.</a:t>
            </a:r>
          </a:p>
          <a:p>
            <a:br>
              <a:rPr lang="da-DK" sz="1400">
                <a:solidFill>
                  <a:schemeClr val="tx1"/>
                </a:solidFill>
                <a:highlight>
                  <a:srgbClr val="FFFF00"/>
                </a:highlight>
                <a:latin typeface="Georgia" panose="02040502050405020303" pitchFamily="18" charset="0"/>
              </a:rPr>
            </a:br>
            <a:r>
              <a:rPr lang="da-DK" sz="1400" b="1">
                <a:solidFill>
                  <a:schemeClr val="tx1"/>
                </a:solidFill>
                <a:latin typeface="Georgia" panose="02040502050405020303" pitchFamily="18" charset="0"/>
              </a:rPr>
              <a:t>Sætte PAU på dagsorden i Københavns Kommunes rekruttering og uddannelse </a:t>
            </a:r>
            <a:r>
              <a:rPr lang="da-DK" sz="1400">
                <a:solidFill>
                  <a:schemeClr val="tx1"/>
                </a:solidFill>
                <a:latin typeface="Georgia" panose="02040502050405020303" pitchFamily="18" charset="0"/>
              </a:rPr>
              <a:t>i samarbejde med BUF og SOF.</a:t>
            </a:r>
          </a:p>
          <a:p>
            <a:endParaRPr lang="da-DK" sz="1400">
              <a:solidFill>
                <a:schemeClr val="tx1"/>
              </a:solidFill>
              <a:latin typeface="Georgia" panose="02040502050405020303" pitchFamily="18" charset="0"/>
            </a:endParaRPr>
          </a:p>
          <a:p>
            <a:endParaRPr lang="da-DK" sz="1400">
              <a:solidFill>
                <a:schemeClr val="tx1"/>
              </a:solidFill>
              <a:latin typeface="Georgia" panose="02040502050405020303" pitchFamily="18" charset="0"/>
            </a:endParaRPr>
          </a:p>
          <a:p>
            <a:endParaRPr lang="da-DK" sz="1400">
              <a:highlight>
                <a:srgbClr val="FFFF00"/>
              </a:highlight>
              <a:latin typeface="Georgia" panose="02040502050405020303" pitchFamily="18" charset="0"/>
            </a:endParaRPr>
          </a:p>
          <a:p>
            <a:endParaRPr lang="da-DK" sz="1400">
              <a:latin typeface="Georgia" panose="02040502050405020303" pitchFamily="18" charset="0"/>
            </a:endParaRP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3E7201DF-973B-4731-9A23-A92B564705D4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3. juni 202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4471153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304402FE-CE0A-4907-B1ED-ECB6C684F53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2400">
                <a:latin typeface="Georgia" panose="02040502050405020303" pitchFamily="18" charset="0"/>
              </a:rPr>
              <a:t>Vores ambitioner for den pædagogiske assistentuddannelse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A19824F9-650E-43E2-BD7A-880DA673A814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pPr marL="171450" indent="-171450">
              <a:lnSpc>
                <a:spcPct val="107000"/>
              </a:lnSpc>
              <a:spcAft>
                <a:spcPts val="800"/>
              </a:spcAft>
              <a:buFont typeface="Arial" panose="020B0604020202020204" pitchFamily="34" charset="0"/>
              <a:buChar char="•"/>
            </a:pPr>
            <a:r>
              <a:rPr lang="da-DK" sz="1400">
                <a:effectLst/>
                <a:latin typeface="Georgia" panose="02040502050405020303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  <a:t>Vi vil </a:t>
            </a:r>
            <a:r>
              <a:rPr lang="da-DK" sz="1400" b="1">
                <a:effectLst/>
                <a:latin typeface="Georgia" panose="02040502050405020303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  <a:t>rekruttere flere EUV1-elever</a:t>
            </a:r>
            <a:r>
              <a:rPr lang="da-DK" sz="1400">
                <a:effectLst/>
                <a:latin typeface="Georgia" panose="02040502050405020303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  <a:t>, som med under et års uddannelse kan medvirke til indfrielsen af ambitionen om minimumsnormeringer.</a:t>
            </a:r>
            <a:endParaRPr lang="da-DK" sz="1400">
              <a:effectLst/>
              <a:highlight>
                <a:srgbClr val="FFFF00"/>
              </a:highlight>
              <a:latin typeface="Georgia" panose="02040502050405020303" pitchFamily="18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171450" indent="-171450">
              <a:lnSpc>
                <a:spcPct val="107000"/>
              </a:lnSpc>
              <a:spcAft>
                <a:spcPts val="800"/>
              </a:spcAft>
              <a:buFont typeface="Arial" panose="020B0604020202020204" pitchFamily="34" charset="0"/>
              <a:buChar char="•"/>
            </a:pPr>
            <a:endParaRPr lang="da-DK" sz="1400">
              <a:effectLst/>
              <a:latin typeface="Georgia" panose="02040502050405020303" pitchFamily="18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171450" indent="-171450">
              <a:lnSpc>
                <a:spcPct val="107000"/>
              </a:lnSpc>
              <a:spcAft>
                <a:spcPts val="800"/>
              </a:spcAft>
              <a:buFont typeface="Arial" panose="020B0604020202020204" pitchFamily="34" charset="0"/>
              <a:buChar char="•"/>
            </a:pPr>
            <a:r>
              <a:rPr lang="da-DK" sz="1400">
                <a:effectLst/>
                <a:latin typeface="Georgia" panose="02040502050405020303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  <a:t>Vi vil </a:t>
            </a:r>
            <a:r>
              <a:rPr lang="da-DK" sz="1400" b="1">
                <a:effectLst/>
                <a:latin typeface="Georgia" panose="02040502050405020303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  <a:t>skabe stærke elever </a:t>
            </a:r>
            <a:r>
              <a:rPr lang="da-DK" sz="1400">
                <a:effectLst/>
                <a:latin typeface="Georgia" panose="02040502050405020303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  <a:t>og dygtige faglærte dimittender med </a:t>
            </a:r>
            <a:r>
              <a:rPr lang="da-DK" sz="1400" b="1">
                <a:effectLst/>
                <a:latin typeface="Georgia" panose="02040502050405020303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  <a:t>stærke pædagogiske handlekompetencer</a:t>
            </a:r>
            <a:r>
              <a:rPr lang="da-DK" sz="1400">
                <a:effectLst/>
                <a:latin typeface="Georgia" panose="02040502050405020303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  <a:t>, som bidrager til øget faglighed på det pædagogiske område.</a:t>
            </a:r>
          </a:p>
          <a:p>
            <a:pPr marL="171450" indent="-171450">
              <a:lnSpc>
                <a:spcPct val="107000"/>
              </a:lnSpc>
              <a:spcAft>
                <a:spcPts val="800"/>
              </a:spcAft>
              <a:buFont typeface="Arial" panose="020B0604020202020204" pitchFamily="34" charset="0"/>
              <a:buChar char="•"/>
            </a:pPr>
            <a:endParaRPr lang="da-DK" sz="1400">
              <a:highlight>
                <a:srgbClr val="FFFF00"/>
              </a:highlight>
              <a:latin typeface="Georgia" panose="02040502050405020303" pitchFamily="18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171450" indent="-171450">
              <a:lnSpc>
                <a:spcPct val="107000"/>
              </a:lnSpc>
              <a:spcAft>
                <a:spcPts val="800"/>
              </a:spcAft>
              <a:buFont typeface="Arial" panose="020B0604020202020204" pitchFamily="34" charset="0"/>
              <a:buChar char="•"/>
            </a:pPr>
            <a:r>
              <a:rPr lang="da-DK" sz="1400">
                <a:effectLst/>
                <a:latin typeface="Georgia" panose="02040502050405020303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  <a:t>Eleverne skal hver dag møde en p</a:t>
            </a:r>
            <a:r>
              <a:rPr lang="da-DK" sz="1400">
                <a:latin typeface="Georgia" panose="02040502050405020303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  <a:t>raksisnær didaktik, der udfolder sig i </a:t>
            </a:r>
            <a:r>
              <a:rPr lang="da-DK" sz="1400" b="1">
                <a:latin typeface="Georgia" panose="02040502050405020303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  <a:t>laboratorier i praksis </a:t>
            </a:r>
            <a:r>
              <a:rPr lang="da-DK" sz="1400">
                <a:latin typeface="Georgia" panose="02040502050405020303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  <a:t>både i det fysiske undervisningsmiljø og </a:t>
            </a:r>
            <a:r>
              <a:rPr lang="da-DK" sz="1400">
                <a:effectLst/>
                <a:latin typeface="Georgia" panose="02040502050405020303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  <a:t>gennem træne-øve-aspektet.</a:t>
            </a:r>
          </a:p>
          <a:p>
            <a:pPr>
              <a:lnSpc>
                <a:spcPct val="107000"/>
              </a:lnSpc>
              <a:spcAft>
                <a:spcPts val="800"/>
              </a:spcAft>
            </a:pPr>
            <a:br>
              <a:rPr lang="da-DK" sz="1200">
                <a:effectLst/>
                <a:highlight>
                  <a:srgbClr val="FFFF00"/>
                </a:highlight>
                <a:latin typeface="Georgia" panose="02040502050405020303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endParaRPr lang="da-DK" sz="1200">
              <a:latin typeface="Georgia" panose="02040502050405020303" pitchFamily="18" charset="0"/>
            </a:endParaRP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E3812CEC-A2C3-4C7F-B359-907AB8820341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3. juni 202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3451870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A597C17B-1275-4724-BF3D-71B452761DB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2400">
                <a:latin typeface="Georgia" panose="02040502050405020303" pitchFamily="18" charset="0"/>
              </a:rPr>
              <a:t>Vi er godt på vej 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B4AEEC40-8DB4-4102-A04E-E8940BA85F0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763721" y="1519886"/>
            <a:ext cx="7488237" cy="2592388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>
                <a:solidFill>
                  <a:schemeClr val="tx1"/>
                </a:solidFill>
                <a:latin typeface="Georgia" panose="02040502050405020303" pitchFamily="18" charset="0"/>
              </a:rPr>
              <a:t>Gennem styrket samarbejde med kommunerne øger vi fortsat optaget af voksne ufaglærte over 25 år på PAU EUV1, som på under et år er færdiguddannede.</a:t>
            </a:r>
            <a:br>
              <a:rPr lang="da-DK">
                <a:solidFill>
                  <a:schemeClr val="tx1"/>
                </a:solidFill>
                <a:latin typeface="Georgia" panose="02040502050405020303" pitchFamily="18" charset="0"/>
              </a:rPr>
            </a:br>
            <a:endParaRPr lang="da-DK">
              <a:solidFill>
                <a:schemeClr val="tx1"/>
              </a:solidFill>
              <a:highlight>
                <a:srgbClr val="FFFF00"/>
              </a:highlight>
              <a:latin typeface="Georgia" panose="02040502050405020303" pitchFamily="18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>
                <a:solidFill>
                  <a:schemeClr val="tx1"/>
                </a:solidFill>
                <a:latin typeface="Georgia" panose="02040502050405020303" pitchFamily="18" charset="0"/>
              </a:rPr>
              <a:t>Vi har styrket støtten til udsatte elever. Eleverne trives på uddannelsen og i praktikken, og gennemførelsen er høj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>
              <a:solidFill>
                <a:schemeClr val="tx1"/>
              </a:solidFill>
              <a:highlight>
                <a:srgbClr val="FFFF00"/>
              </a:highlight>
              <a:latin typeface="Georgia" panose="02040502050405020303" pitchFamily="18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>
                <a:solidFill>
                  <a:schemeClr val="tx1"/>
                </a:solidFill>
                <a:latin typeface="Georgia" panose="02040502050405020303" pitchFamily="18" charset="0"/>
              </a:rPr>
              <a:t>Læringsmiljøet på uddannelsen er karakteriseret ved praksisnær undervisning og laboratorier i praksis.</a:t>
            </a:r>
          </a:p>
          <a:p>
            <a:pPr marL="342900" indent="-342900">
              <a:buFont typeface="+mj-lt"/>
              <a:buAutoNum type="arabicPeriod"/>
            </a:pPr>
            <a:endParaRPr lang="da-DK">
              <a:latin typeface="Georgia" panose="02040502050405020303" pitchFamily="18" charset="0"/>
            </a:endParaRP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4136A3FB-D8DA-4E34-B4C4-50EE35B81002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3. juni 202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90962761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60C7B35-5EB3-4849-AB39-1409391DF64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2400">
                <a:latin typeface="Georgia" panose="02040502050405020303" pitchFamily="18" charset="0"/>
              </a:rPr>
              <a:t>Øget rekruttering af EUV1-elever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3BB81614-F725-4CF1-B223-D6DCEF023423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763200" y="1487714"/>
            <a:ext cx="7488758" cy="2992247"/>
          </a:xfrm>
        </p:spPr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400">
                <a:latin typeface="Georgia" panose="02040502050405020303" pitchFamily="18" charset="0"/>
              </a:rPr>
              <a:t>Vi har øget optaget på PAU EUV1 med knap 50% fra skoleåret 19/20 (40 elever) til skoleåret 20/21 (58 elever) og 17% til skoleåret 21/22 (68 elever).</a:t>
            </a:r>
          </a:p>
          <a:p>
            <a:endParaRPr lang="da-DK" sz="1400">
              <a:latin typeface="Georgia" panose="02040502050405020303" pitchFamily="18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400">
                <a:solidFill>
                  <a:schemeClr val="tx1"/>
                </a:solidFill>
                <a:latin typeface="Georgia" panose="02040502050405020303" pitchFamily="18" charset="0"/>
              </a:rPr>
              <a:t>Uddannelsen har styrket og udvidet samarbejdet med København (nyt samarbejde med SOF), Frederiksberg og Ballerup kommuner om rekruttering til uddannelsen. </a:t>
            </a:r>
          </a:p>
          <a:p>
            <a:endParaRPr lang="da-DK" sz="1400">
              <a:solidFill>
                <a:schemeClr val="tx1"/>
              </a:solidFill>
              <a:latin typeface="Georgia" panose="02040502050405020303" pitchFamily="18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400" err="1">
                <a:solidFill>
                  <a:schemeClr val="tx1"/>
                </a:solidFill>
                <a:latin typeface="Georgia" panose="02040502050405020303" pitchFamily="18" charset="0"/>
              </a:rPr>
              <a:t>UCerne</a:t>
            </a:r>
            <a:r>
              <a:rPr lang="da-DK" sz="1400">
                <a:solidFill>
                  <a:schemeClr val="tx1"/>
                </a:solidFill>
                <a:latin typeface="Georgia" panose="02040502050405020303" pitchFamily="18" charset="0"/>
              </a:rPr>
              <a:t> har nationalt indgået et strategisk samarbejde med den faglige organisation LFS, der har til formål at styrke PAU.</a:t>
            </a:r>
            <a:endParaRPr lang="da-DK" sz="1400">
              <a:latin typeface="Georgia" panose="02040502050405020303" pitchFamily="18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endParaRPr lang="da-DK" sz="1400">
              <a:solidFill>
                <a:schemeClr val="tx1"/>
              </a:solidFill>
              <a:latin typeface="Georgia" panose="02040502050405020303" pitchFamily="18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endParaRPr lang="da-DK" sz="1400">
              <a:solidFill>
                <a:schemeClr val="tx1"/>
              </a:solidFill>
              <a:latin typeface="Georgia" panose="02040502050405020303" pitchFamily="18" charset="0"/>
            </a:endParaRP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1FE4047F-BB52-43A7-B968-CA505A92CEE8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3. juni 202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1634390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2F9415B-5A99-4B32-94A4-78819142CA5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2000">
                <a:latin typeface="Georgia" panose="02040502050405020303" pitchFamily="18" charset="0"/>
              </a:rPr>
              <a:t>Stærke elever og dygtige faglærte dimittender 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068B626A-9F6A-4C46-90B8-872562458BD9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760103" y="1386114"/>
            <a:ext cx="5104557" cy="3230336"/>
          </a:xfrm>
        </p:spPr>
        <p:txBody>
          <a:bodyPr/>
          <a:lstStyle/>
          <a:p>
            <a:r>
              <a:rPr lang="da-DK" sz="1400">
                <a:latin typeface="Georgia" panose="02040502050405020303" pitchFamily="18" charset="0"/>
              </a:rPr>
              <a:t>Vi har styrket støtten til elever med komplekse personlige problemstillinger med udvidelse og synliggørelse af studievejledningens tilbud med mentorordning samt fælles kompetenceudvikling af alle lærere.</a:t>
            </a:r>
            <a:br>
              <a:rPr lang="da-DK" sz="1400">
                <a:latin typeface="Georgia" panose="02040502050405020303" pitchFamily="18" charset="0"/>
              </a:rPr>
            </a:br>
            <a:endParaRPr lang="da-DK" sz="1400">
              <a:latin typeface="Georgia" panose="02040502050405020303" pitchFamily="18" charset="0"/>
            </a:endParaRPr>
          </a:p>
          <a:p>
            <a:r>
              <a:rPr lang="da-DK" sz="1400">
                <a:latin typeface="Georgia" panose="02040502050405020303" pitchFamily="18" charset="0"/>
              </a:rPr>
              <a:t>Eleverne trives på uddannelsen, og vi har et meget lavt frafald og høj fuldførelsesprocent. </a:t>
            </a:r>
            <a:br>
              <a:rPr lang="da-DK" sz="1400">
                <a:latin typeface="Georgia" panose="02040502050405020303" pitchFamily="18" charset="0"/>
              </a:rPr>
            </a:br>
            <a:endParaRPr lang="da-DK" sz="1400">
              <a:latin typeface="Georgia" panose="02040502050405020303" pitchFamily="18" charset="0"/>
            </a:endParaRPr>
          </a:p>
          <a:p>
            <a:r>
              <a:rPr lang="da-DK" sz="1400">
                <a:latin typeface="Georgia" panose="02040502050405020303" pitchFamily="18" charset="0"/>
              </a:rPr>
              <a:t>Beskæftigelsen for vores dimittender stiger, og ledigheden falder. Samtidig får mange elever mod på en videregående uddannelse særligt pædagoguddannelsen.</a:t>
            </a:r>
          </a:p>
          <a:p>
            <a:endParaRPr lang="da-DK" sz="1400">
              <a:solidFill>
                <a:schemeClr val="tx1"/>
              </a:solidFill>
              <a:effectLst/>
              <a:latin typeface="Arial" panose="020B0604020202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endParaRPr lang="da-DK" sz="1400">
              <a:latin typeface="Georgia" panose="02040502050405020303" pitchFamily="18" charset="0"/>
            </a:endParaRPr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BF441A82-5421-4091-92A9-2CBC3186376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442112" y="68244"/>
            <a:ext cx="2368253" cy="5007012"/>
          </a:xfrm>
        </p:spPr>
        <p:txBody>
          <a:bodyPr/>
          <a:lstStyle/>
          <a:p>
            <a:r>
              <a:rPr lang="da-DK" sz="1000"/>
              <a:t>Frafaldet ligger med 2,5% meget lavt og under det nationale gennemsnit på 5,7%. </a:t>
            </a:r>
          </a:p>
          <a:p>
            <a:r>
              <a:rPr lang="da-DK" sz="1000" i="1"/>
              <a:t>(Kilde: Studieservice KP)</a:t>
            </a:r>
            <a:br>
              <a:rPr lang="da-DK" sz="1000" i="1"/>
            </a:br>
            <a:endParaRPr lang="da-DK" sz="1000"/>
          </a:p>
          <a:p>
            <a:r>
              <a:rPr lang="da-DK" sz="1000"/>
              <a:t>Elevtrivslen er steget de seneste to år og ligger over landsgennemsnittet på alle indikatorer. Trivselsindikator:4,5 på KP. 4,3 på landsplan</a:t>
            </a:r>
          </a:p>
          <a:p>
            <a:r>
              <a:rPr lang="da-DK" sz="1000" i="1"/>
              <a:t>(Kilde: uddannelsesstatistik.dk)</a:t>
            </a:r>
          </a:p>
          <a:p>
            <a:pPr>
              <a:lnSpc>
                <a:spcPts val="1200"/>
              </a:lnSpc>
              <a:tabLst>
                <a:tab pos="140335" algn="l"/>
              </a:tabLst>
            </a:pPr>
            <a:br>
              <a:rPr lang="da-DK" sz="1000">
                <a:effectLst/>
                <a:latin typeface="Arial" panose="020B0604020202020204" pitchFamily="34" charset="0"/>
                <a:ea typeface="Calibri" panose="020F0502020204030204" pitchFamily="34" charset="0"/>
                <a:cs typeface="Arial" panose="020B0604020202020204" pitchFamily="34" charset="0"/>
              </a:rPr>
            </a:br>
            <a:r>
              <a:rPr lang="da-DK" sz="1000">
                <a:effectLst/>
                <a:ea typeface="Calibri" panose="020F0502020204030204" pitchFamily="34" charset="0"/>
              </a:rPr>
              <a:t>Fuldførelsesprocenten er på 85% og ligger dermed på niveau med KP-grænseværdien som er på 15%.</a:t>
            </a:r>
            <a:r>
              <a:rPr lang="da-DK" sz="1000"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endParaRPr lang="da-DK" sz="1000">
              <a:effectLst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ts val="1200"/>
              </a:lnSpc>
              <a:tabLst>
                <a:tab pos="140335" algn="l"/>
                <a:tab pos="828040" algn="l"/>
              </a:tabLst>
            </a:pPr>
            <a:r>
              <a:rPr lang="da-DK" sz="1000" i="1"/>
              <a:t>(Kilde:</a:t>
            </a:r>
            <a:r>
              <a:rPr lang="da-DK" sz="1000" i="1">
                <a:solidFill>
                  <a:srgbClr val="000000"/>
                </a:solidFill>
              </a:rPr>
              <a:t> </a:t>
            </a:r>
            <a:r>
              <a:rPr lang="da-DK" sz="1000" i="1">
                <a:effectLst/>
                <a:ea typeface="Calibri" panose="020F0502020204030204" pitchFamily="34" charset="0"/>
              </a:rPr>
              <a:t>Studieservice KP, 2022). </a:t>
            </a:r>
            <a:br>
              <a:rPr lang="da-DK" sz="1000" i="1">
                <a:effectLst/>
                <a:latin typeface="Arial" panose="020B0604020202020204" pitchFamily="34" charset="0"/>
                <a:ea typeface="Calibri" panose="020F0502020204030204" pitchFamily="34" charset="0"/>
                <a:cs typeface="Arial" panose="020B0604020202020204" pitchFamily="34" charset="0"/>
              </a:rPr>
            </a:br>
            <a:endParaRPr lang="da-DK" sz="1000"/>
          </a:p>
          <a:p>
            <a:r>
              <a:rPr lang="da-DK" sz="1000"/>
              <a:t>Beskæftigelsen er steget fra 31% 2016 til 57% i 2019.</a:t>
            </a:r>
            <a:br>
              <a:rPr lang="da-DK" sz="1000"/>
            </a:br>
            <a:r>
              <a:rPr lang="da-DK" sz="1000" i="1"/>
              <a:t>(Kilde: uddannelsesstatistik.dk)</a:t>
            </a:r>
            <a:br>
              <a:rPr lang="da-DK" sz="1000" i="1"/>
            </a:br>
            <a:endParaRPr lang="da-DK" sz="1000" i="1"/>
          </a:p>
          <a:p>
            <a:r>
              <a:rPr lang="da-DK" sz="1000"/>
              <a:t>Ledigheden er faldet fra 25 % i 2014 til 8,8 % i 2019 </a:t>
            </a:r>
            <a:br>
              <a:rPr lang="da-DK" sz="1000"/>
            </a:br>
            <a:r>
              <a:rPr lang="da-DK" sz="1000" i="1"/>
              <a:t>(Kilde: </a:t>
            </a:r>
            <a:r>
              <a:rPr lang="da-DK" sz="1000" i="1" err="1"/>
              <a:t>UFMs</a:t>
            </a:r>
            <a:r>
              <a:rPr lang="da-DK" sz="1000" i="1"/>
              <a:t> datavarehus)</a:t>
            </a:r>
            <a:br>
              <a:rPr lang="da-DK" sz="1000" i="1"/>
            </a:br>
            <a:endParaRPr lang="da-DK" sz="1000"/>
          </a:p>
          <a:p>
            <a:r>
              <a:rPr lang="da-DK" sz="1000"/>
              <a:t>Videreuddannelsesfrekvensen for dimittenderne er på 39%.</a:t>
            </a:r>
          </a:p>
          <a:p>
            <a:r>
              <a:rPr lang="da-DK" sz="1000"/>
              <a:t> </a:t>
            </a:r>
            <a:r>
              <a:rPr lang="da-DK" sz="1000" i="1"/>
              <a:t>(Kilde:  </a:t>
            </a:r>
            <a:r>
              <a:rPr lang="da-DK" sz="1000" i="1" err="1"/>
              <a:t>KPs</a:t>
            </a:r>
            <a:r>
              <a:rPr lang="da-DK" sz="1000" i="1"/>
              <a:t> Aftagerundersøgelse 2020).</a:t>
            </a:r>
          </a:p>
        </p:txBody>
      </p:sp>
      <p:sp>
        <p:nvSpPr>
          <p:cNvPr id="6" name="Pladsholder til dato 5">
            <a:extLst>
              <a:ext uri="{FF2B5EF4-FFF2-40B4-BE49-F238E27FC236}">
                <a16:creationId xmlns:a16="http://schemas.microsoft.com/office/drawing/2014/main" id="{E38C0C55-6044-406A-9E74-335063D0561A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3. juni 202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7540420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398C973-D709-477C-836A-DF60EE1B0D2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2000">
                <a:latin typeface="Georgia" panose="02040502050405020303" pitchFamily="18" charset="0"/>
              </a:rPr>
              <a:t>Praksisnær didaktik og laboratorier i praksis 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091C8157-8CF3-434F-94A7-F27BA779D887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763587" y="1816100"/>
            <a:ext cx="4888906" cy="2592388"/>
          </a:xfrm>
        </p:spPr>
        <p:txBody>
          <a:bodyPr/>
          <a:lstStyle/>
          <a:p>
            <a:r>
              <a:rPr lang="da-DK">
                <a:latin typeface="Georgia" panose="02040502050405020303" pitchFamily="18" charset="0"/>
              </a:rPr>
              <a:t>Uddannelsens fælles didaktiske og pædagogiske grundlag er en praksisnær tilgang, hvor eleverne arbejder med træne-øve-aktiviteter i alle fag.</a:t>
            </a:r>
          </a:p>
          <a:p>
            <a:endParaRPr lang="da-DK">
              <a:latin typeface="Georgia" panose="02040502050405020303" pitchFamily="18" charset="0"/>
            </a:endParaRPr>
          </a:p>
          <a:p>
            <a:r>
              <a:rPr lang="da-DK">
                <a:latin typeface="Georgia" panose="02040502050405020303" pitchFamily="18" charset="0"/>
              </a:rPr>
              <a:t>Uddannelsen har styrket den laboratoriebaserede undervisning med planlagte forløb for alle hold i Praksis- og Innovationshuset. </a:t>
            </a:r>
          </a:p>
          <a:p>
            <a:endParaRPr lang="da-DK">
              <a:latin typeface="Georgia" panose="02040502050405020303" pitchFamily="18" charset="0"/>
            </a:endParaRPr>
          </a:p>
          <a:p>
            <a:endParaRPr lang="da-DK">
              <a:latin typeface="Georgia" panose="02040502050405020303" pitchFamily="18" charset="0"/>
            </a:endParaRPr>
          </a:p>
        </p:txBody>
      </p:sp>
      <p:sp>
        <p:nvSpPr>
          <p:cNvPr id="6" name="Pladsholder til tekst 5">
            <a:extLst>
              <a:ext uri="{FF2B5EF4-FFF2-40B4-BE49-F238E27FC236}">
                <a16:creationId xmlns:a16="http://schemas.microsoft.com/office/drawing/2014/main" id="{A2F26038-BFFD-435D-A44D-D37FF232BCAB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endParaRPr lang="da-DK" sz="1200"/>
          </a:p>
          <a:p>
            <a:endParaRPr lang="da-DK" sz="1200"/>
          </a:p>
          <a:p>
            <a:r>
              <a:rPr lang="da-DK" sz="1200"/>
              <a:t>62% af eleverne angiver, at de i høj grad eller i meget høj grad oplever undervisningen som praksisnær.</a:t>
            </a:r>
          </a:p>
          <a:p>
            <a:r>
              <a:rPr lang="da-DK" sz="1200" i="1"/>
              <a:t>(Kilde: Uddannelsens undervisningsevalueringer 2021)</a:t>
            </a:r>
          </a:p>
          <a:p>
            <a:endParaRPr lang="da-DK" sz="1200" i="1"/>
          </a:p>
          <a:p>
            <a:r>
              <a:rPr lang="da-DK" sz="1200"/>
              <a:t>90% af eleverne angiver,  at lærerne ofte eller altid er gode til at forklare tingene, så de forstår dem. </a:t>
            </a:r>
          </a:p>
          <a:p>
            <a:r>
              <a:rPr lang="da-DK" sz="1200" i="1"/>
              <a:t>(Kilde: Uddannelsesstatistik 2020)</a:t>
            </a:r>
          </a:p>
          <a:p>
            <a:endParaRPr lang="da-DK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369CD198-D64F-4AE0-9669-4C963AFC06E7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3. juni 202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3169715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431540" y="663538"/>
            <a:ext cx="5220953" cy="684076"/>
          </a:xfrm>
        </p:spPr>
        <p:txBody>
          <a:bodyPr/>
          <a:lstStyle/>
          <a:p>
            <a:r>
              <a:rPr lang="da-DK" sz="2400">
                <a:latin typeface="Georgia" panose="02040502050405020303" pitchFamily="18" charset="0"/>
              </a:rPr>
              <a:t>De væsentligste udfordringer 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>
          <a:xfrm>
            <a:off x="431540" y="1095319"/>
            <a:ext cx="5220953" cy="2952862"/>
          </a:xfrm>
        </p:spPr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endParaRPr lang="da-DK" sz="1400">
              <a:latin typeface="Georgia" panose="02040502050405020303" pitchFamily="18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400">
                <a:latin typeface="Georgia" panose="02040502050405020303" pitchFamily="18" charset="0"/>
              </a:rPr>
              <a:t>Manglende prioritering af den pædagogiske assistentuddannelse i kommunernes uddannelsessatsning særligt set i lyset af minimumsnormeringer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da-DK" sz="1400">
              <a:latin typeface="Georgia" panose="02040502050405020303" pitchFamily="18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400">
                <a:latin typeface="Georgia" panose="02040502050405020303" pitchFamily="18" charset="0"/>
              </a:rPr>
              <a:t>Eleverne føler sig ikke i tilstrækkelig grad forberedt til praktikken. Kun 39% af eleverne angiver, at undervisningen i høj grad eller i meget høj grad har forberedt dem på praktikken.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da-DK" sz="1400">
              <a:highlight>
                <a:srgbClr val="FFFF00"/>
              </a:highlight>
              <a:latin typeface="Georgia" panose="02040502050405020303" pitchFamily="18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400">
                <a:latin typeface="Georgia" panose="02040502050405020303" pitchFamily="18" charset="0"/>
              </a:rPr>
              <a:t>Beskæftigelsen for dimittenderne har været stigende gennem en årrække, men den er fortsat for lav i et arbejdsmarked med rekrutteringsudfordringer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da-DK" sz="1400">
              <a:highlight>
                <a:srgbClr val="FFFF00"/>
              </a:highlight>
              <a:latin typeface="Georgia" panose="02040502050405020303" pitchFamily="18" charset="0"/>
            </a:endParaRPr>
          </a:p>
          <a:p>
            <a:endParaRPr lang="da-DK" sz="1400">
              <a:latin typeface="Georgia" panose="02040502050405020303" pitchFamily="18" charset="0"/>
            </a:endParaRPr>
          </a:p>
        </p:txBody>
      </p:sp>
      <p:sp>
        <p:nvSpPr>
          <p:cNvPr id="5" name="Pladsholder til tekst 4"/>
          <p:cNvSpPr>
            <a:spLocks noGrp="1"/>
          </p:cNvSpPr>
          <p:nvPr>
            <p:ph type="body" sz="quarter" idx="13"/>
          </p:nvPr>
        </p:nvSpPr>
        <p:spPr>
          <a:xfrm>
            <a:off x="6362162" y="303498"/>
            <a:ext cx="2555763" cy="4472029"/>
          </a:xfrm>
        </p:spPr>
        <p:txBody>
          <a:bodyPr/>
          <a:lstStyle/>
          <a:p>
            <a:endParaRPr lang="da-DK" sz="1000">
              <a:highlight>
                <a:srgbClr val="FFFF00"/>
              </a:highlight>
            </a:endParaRPr>
          </a:p>
          <a:p>
            <a:r>
              <a:rPr lang="da-DK" sz="1000"/>
              <a:t>Ufaglærte pædagogmedhjælpere uden en pædagogisk uddannelse udgør 39% af det samlede pædagogiske personale i de kommunale institutioner. </a:t>
            </a:r>
            <a:br>
              <a:rPr lang="da-DK" sz="1000"/>
            </a:br>
            <a:r>
              <a:rPr lang="da-DK" sz="1000" i="1"/>
              <a:t>(Kilde: EVA 2020)</a:t>
            </a:r>
            <a:endParaRPr lang="da-DK" sz="1000"/>
          </a:p>
          <a:p>
            <a:endParaRPr lang="da-DK" sz="1000"/>
          </a:p>
          <a:p>
            <a:r>
              <a:rPr lang="da-DK" sz="1000">
                <a:solidFill>
                  <a:schemeClr val="bg2"/>
                </a:solidFill>
              </a:rPr>
              <a:t>Elevernes vurdering fra første afrapportering af praktikevalueringer viser bl.a. at kun 39% vurderer, at undervisningen i høj grad eller i meget høj grad har forberedt dem på praktikken. </a:t>
            </a:r>
            <a:br>
              <a:rPr lang="da-DK" sz="1000">
                <a:solidFill>
                  <a:schemeClr val="bg2"/>
                </a:solidFill>
              </a:rPr>
            </a:br>
            <a:r>
              <a:rPr lang="da-DK" sz="1000" i="1">
                <a:solidFill>
                  <a:schemeClr val="bg2"/>
                </a:solidFill>
              </a:rPr>
              <a:t>(Kilde: praktikevalueringerne i partnerskabet om sammenhængende uddannelser 2021)</a:t>
            </a:r>
          </a:p>
          <a:p>
            <a:endParaRPr lang="da-DK" sz="1050"/>
          </a:p>
          <a:p>
            <a:r>
              <a:rPr lang="da-DK" sz="1050"/>
              <a:t>Beskæftigelsen er steget fra 31% 2016 til 57% i 2019.</a:t>
            </a:r>
            <a:br>
              <a:rPr lang="da-DK" sz="1050"/>
            </a:br>
            <a:r>
              <a:rPr lang="da-DK" sz="1050" i="1"/>
              <a:t>(Kilde: uddannelsesstatistik.dk)</a:t>
            </a:r>
            <a:br>
              <a:rPr lang="da-DK" sz="1050" i="1"/>
            </a:br>
            <a:endParaRPr lang="da-DK" sz="1050" i="1"/>
          </a:p>
          <a:p>
            <a:r>
              <a:rPr lang="da-DK" sz="1050"/>
              <a:t>Ledigheden er faldet fra 25 % i 2014 til 8,8 % i 2019 </a:t>
            </a:r>
            <a:br>
              <a:rPr lang="da-DK" sz="1050"/>
            </a:br>
            <a:r>
              <a:rPr lang="da-DK" sz="1050" i="1"/>
              <a:t>(Kilde: </a:t>
            </a:r>
            <a:r>
              <a:rPr lang="da-DK" sz="1050" i="1" err="1"/>
              <a:t>UFMs</a:t>
            </a:r>
            <a:r>
              <a:rPr lang="da-DK" sz="1050" i="1"/>
              <a:t> datavarehus)</a:t>
            </a:r>
          </a:p>
          <a:p>
            <a:endParaRPr lang="da-DK" sz="1050" i="1"/>
          </a:p>
          <a:p>
            <a:endParaRPr lang="da-DK" sz="1050"/>
          </a:p>
        </p:txBody>
      </p:sp>
      <p:sp>
        <p:nvSpPr>
          <p:cNvPr id="6" name="Pladsholder til dato 5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E3F176F0-4EB5-41D1-866E-A621282BE2B8}" type="datetime2">
              <a:rPr kumimoji="0" lang="da-DK" sz="9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Georgia" panose="02040502050405020303" pitchFamily="18" charset="0"/>
                <a:ea typeface="+mn-ea"/>
                <a:cs typeface="+mn-cs"/>
              </a:rPr>
              <a:pPr marL="0" marR="0" lvl="0" indent="0" algn="l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3. juni 2022</a:t>
            </a:fld>
            <a:endParaRPr kumimoji="0" lang="en-GB" sz="9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Georgia" panose="02040502050405020303" pitchFamily="18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0675093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C881064-F758-45AC-834A-5EBD5CDBE97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2400">
                <a:latin typeface="Georgia" panose="02040502050405020303" pitchFamily="18" charset="0"/>
              </a:rPr>
              <a:t>Siden sidste år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8AA913CD-317B-4D18-A321-E8749D34B67E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763200" y="1276213"/>
            <a:ext cx="7488237" cy="3867287"/>
          </a:xfrm>
        </p:spPr>
        <p:txBody>
          <a:bodyPr/>
          <a:lstStyle/>
          <a:p>
            <a:r>
              <a:rPr lang="da-DK" sz="1400" b="1">
                <a:solidFill>
                  <a:schemeClr val="tx1"/>
                </a:solidFill>
                <a:latin typeface="Georgia" panose="02040502050405020303" pitchFamily="18" charset="0"/>
              </a:rPr>
              <a:t>På uddannelse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400">
                <a:solidFill>
                  <a:schemeClr val="tx1"/>
                </a:solidFill>
                <a:latin typeface="Georgia" panose="02040502050405020303" pitchFamily="18" charset="0"/>
              </a:rPr>
              <a:t>Vi har styrket en didaktisk tilgang til læring, som  afspejler den praksis, eleverne skal ud i gennem flere øvelser og mere simulation for at sikre dygtige faglærte dimittender.</a:t>
            </a:r>
            <a:br>
              <a:rPr lang="da-DK" sz="1400">
                <a:solidFill>
                  <a:schemeClr val="tx1"/>
                </a:solidFill>
                <a:latin typeface="Georgia" panose="02040502050405020303" pitchFamily="18" charset="0"/>
              </a:rPr>
            </a:br>
            <a:endParaRPr lang="da-DK" sz="1400">
              <a:solidFill>
                <a:schemeClr val="tx1"/>
              </a:solidFill>
              <a:latin typeface="Georgia" panose="02040502050405020303" pitchFamily="18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400">
                <a:solidFill>
                  <a:schemeClr val="tx1"/>
                </a:solidFill>
                <a:latin typeface="Georgia" panose="02040502050405020303" pitchFamily="18" charset="0"/>
              </a:rPr>
              <a:t>Vi har igangsat en styrkelse af praksisnære læringsmiljøer ved at sikre forløb for alle elever i </a:t>
            </a:r>
            <a:r>
              <a:rPr lang="da-DK" sz="1400" err="1">
                <a:solidFill>
                  <a:schemeClr val="tx1"/>
                </a:solidFill>
                <a:latin typeface="Georgia" panose="02040502050405020303" pitchFamily="18" charset="0"/>
              </a:rPr>
              <a:t>KPs</a:t>
            </a:r>
            <a:r>
              <a:rPr lang="da-DK" sz="1400">
                <a:solidFill>
                  <a:schemeClr val="tx1"/>
                </a:solidFill>
                <a:latin typeface="Georgia" panose="02040502050405020303" pitchFamily="18" charset="0"/>
              </a:rPr>
              <a:t> praksis- og innovationshus samt ansøgt om at etablere et fysisk træne-øve rum på CC</a:t>
            </a:r>
            <a:br>
              <a:rPr lang="da-DK" sz="1400">
                <a:solidFill>
                  <a:schemeClr val="tx1"/>
                </a:solidFill>
                <a:latin typeface="Georgia" panose="02040502050405020303" pitchFamily="18" charset="0"/>
              </a:rPr>
            </a:br>
            <a:endParaRPr lang="da-DK" sz="1400">
              <a:solidFill>
                <a:schemeClr val="tx1"/>
              </a:solidFill>
              <a:latin typeface="Georgia" panose="02040502050405020303" pitchFamily="18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400">
                <a:solidFill>
                  <a:schemeClr val="tx1"/>
                </a:solidFill>
                <a:latin typeface="Georgia" panose="02040502050405020303" pitchFamily="18" charset="0"/>
              </a:rPr>
              <a:t>Vi har sikret stærkere forankring af den styrkede pædagogiske læreplan i uddannelsen gennem fælles udvikling i stærke arbejdsfællesskaber og </a:t>
            </a:r>
            <a:r>
              <a:rPr lang="da-DK" sz="1400" err="1">
                <a:solidFill>
                  <a:schemeClr val="tx1"/>
                </a:solidFill>
                <a:latin typeface="Georgia" panose="02040502050405020303" pitchFamily="18" charset="0"/>
              </a:rPr>
              <a:t>to-lærerordning</a:t>
            </a:r>
            <a:r>
              <a:rPr lang="da-DK" sz="1400">
                <a:solidFill>
                  <a:schemeClr val="tx1"/>
                </a:solidFill>
                <a:latin typeface="Georgia" panose="02040502050405020303" pitchFamily="18" charset="0"/>
              </a:rPr>
              <a:t> og tværfaglige projekter.</a:t>
            </a:r>
            <a:br>
              <a:rPr lang="da-DK" sz="1400">
                <a:solidFill>
                  <a:schemeClr val="tx1"/>
                </a:solidFill>
                <a:latin typeface="Georgia" panose="02040502050405020303" pitchFamily="18" charset="0"/>
              </a:rPr>
            </a:br>
            <a:endParaRPr lang="da-DK" sz="1400">
              <a:solidFill>
                <a:schemeClr val="tx1"/>
              </a:solidFill>
              <a:latin typeface="Georgia" panose="02040502050405020303" pitchFamily="18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400">
                <a:solidFill>
                  <a:schemeClr val="tx1"/>
                </a:solidFill>
                <a:latin typeface="Georgia" panose="02040502050405020303" pitchFamily="18" charset="0"/>
              </a:rPr>
              <a:t>Vi har styrket støtten til elever med komplekse personlige problemstillinger med udvidelse og synliggørelse af studievejledningens tilbud herunder ansættelse af mentor.</a:t>
            </a:r>
          </a:p>
        </p:txBody>
      </p:sp>
      <p:sp>
        <p:nvSpPr>
          <p:cNvPr id="6" name="Pladsholder til dato 5">
            <a:extLst>
              <a:ext uri="{FF2B5EF4-FFF2-40B4-BE49-F238E27FC236}">
                <a16:creationId xmlns:a16="http://schemas.microsoft.com/office/drawing/2014/main" id="{8428DAAE-14F4-4BD1-B545-2208C97E3A3C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3. juni 202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5584580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le 1">
            <a:extLst>
              <a:ext uri="{FF2B5EF4-FFF2-40B4-BE49-F238E27FC236}">
                <a16:creationId xmlns:a16="http://schemas.microsoft.com/office/drawing/2014/main" id="{F3A273C1-EA81-471F-BF49-F6A91FF043C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63200" y="663538"/>
            <a:ext cx="7488758" cy="986182"/>
          </a:xfrm>
        </p:spPr>
        <p:txBody>
          <a:bodyPr/>
          <a:lstStyle/>
          <a:p>
            <a:r>
              <a:rPr lang="en-US" sz="2400" err="1">
                <a:latin typeface="Georgia" panose="02040502050405020303" pitchFamily="18" charset="0"/>
              </a:rPr>
              <a:t>Siden</a:t>
            </a:r>
            <a:r>
              <a:rPr lang="en-US" sz="2400">
                <a:latin typeface="Georgia" panose="02040502050405020303" pitchFamily="18" charset="0"/>
              </a:rPr>
              <a:t> </a:t>
            </a:r>
            <a:r>
              <a:rPr lang="en-US" sz="2400" err="1">
                <a:latin typeface="Georgia" panose="02040502050405020303" pitchFamily="18" charset="0"/>
              </a:rPr>
              <a:t>sidste</a:t>
            </a:r>
            <a:r>
              <a:rPr lang="en-US" sz="2400">
                <a:latin typeface="Georgia" panose="02040502050405020303" pitchFamily="18" charset="0"/>
              </a:rPr>
              <a:t> </a:t>
            </a:r>
            <a:r>
              <a:rPr lang="en-US" sz="2400" err="1">
                <a:latin typeface="Georgia" panose="02040502050405020303" pitchFamily="18" charset="0"/>
              </a:rPr>
              <a:t>år</a:t>
            </a:r>
            <a:r>
              <a:rPr lang="en-US" sz="2400">
                <a:latin typeface="Georgia" panose="02040502050405020303" pitchFamily="18" charset="0"/>
              </a:rPr>
              <a:t> </a:t>
            </a:r>
            <a:br>
              <a:rPr lang="en-US" sz="2400">
                <a:latin typeface="Georgia" panose="02040502050405020303" pitchFamily="18" charset="0"/>
              </a:rPr>
            </a:br>
            <a:endParaRPr lang="en-US" sz="2400">
              <a:latin typeface="Georgia" panose="02040502050405020303" pitchFamily="18" charset="0"/>
            </a:endParaRPr>
          </a:p>
        </p:txBody>
      </p:sp>
      <p:sp>
        <p:nvSpPr>
          <p:cNvPr id="13" name="Text Placeholder 2">
            <a:extLst>
              <a:ext uri="{FF2B5EF4-FFF2-40B4-BE49-F238E27FC236}">
                <a16:creationId xmlns:a16="http://schemas.microsoft.com/office/drawing/2014/main" id="{5833F042-EA28-40FE-BD00-8DA33DCE491C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763200" y="1156629"/>
            <a:ext cx="7488237" cy="3387025"/>
          </a:xfrm>
        </p:spPr>
        <p:txBody>
          <a:bodyPr/>
          <a:lstStyle/>
          <a:p>
            <a:r>
              <a:rPr lang="da-DK" sz="1400" b="1">
                <a:solidFill>
                  <a:schemeClr val="tx1"/>
                </a:solidFill>
                <a:latin typeface="Georgia" panose="02040502050405020303" pitchFamily="18" charset="0"/>
              </a:rPr>
              <a:t>Dialog med kommunern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400">
                <a:solidFill>
                  <a:srgbClr val="000000"/>
                </a:solidFill>
                <a:effectLst/>
                <a:latin typeface="Georgia" panose="02040502050405020303" pitchFamily="18" charset="0"/>
                <a:ea typeface="Times New Roman" panose="02020603050405020304" pitchFamily="18" charset="0"/>
              </a:rPr>
              <a:t>en afdækning af hvorfor så få vælger at benyttet sig af muligheden for at sende deres medarbejdere afsted på uddannelsen: </a:t>
            </a:r>
            <a:r>
              <a:rPr lang="da-DK" sz="1400">
                <a:solidFill>
                  <a:schemeClr val="tx1"/>
                </a:solidFill>
                <a:effectLst/>
                <a:latin typeface="Georgia" panose="02040502050405020303" pitchFamily="18" charset="0"/>
                <a:ea typeface="Times New Roman" panose="02020603050405020304" pitchFamily="18" charset="0"/>
              </a:rPr>
              <a:t>tradition for PU, manglende viden</a:t>
            </a:r>
            <a:br>
              <a:rPr lang="da-DK" sz="1400">
                <a:latin typeface="Calibri" panose="020F0502020204030204" pitchFamily="34" charset="0"/>
                <a:ea typeface="Times New Roman" panose="02020603050405020304" pitchFamily="18" charset="0"/>
              </a:rPr>
            </a:br>
            <a:endParaRPr lang="da-DK" sz="1400">
              <a:solidFill>
                <a:schemeClr val="tx1"/>
              </a:solidFill>
              <a:latin typeface="Georgia" panose="02040502050405020303" pitchFamily="18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400">
                <a:solidFill>
                  <a:schemeClr val="tx1"/>
                </a:solidFill>
                <a:latin typeface="Georgia" panose="02040502050405020303" pitchFamily="18" charset="0"/>
              </a:rPr>
              <a:t>Vi har </a:t>
            </a:r>
            <a:r>
              <a:rPr lang="da-DK" sz="1400" b="1">
                <a:solidFill>
                  <a:schemeClr val="tx1"/>
                </a:solidFill>
                <a:latin typeface="Georgia" panose="02040502050405020303" pitchFamily="18" charset="0"/>
              </a:rPr>
              <a:t>udvidet samarbejdet </a:t>
            </a:r>
            <a:r>
              <a:rPr lang="da-DK" sz="1400">
                <a:solidFill>
                  <a:schemeClr val="tx1"/>
                </a:solidFill>
                <a:latin typeface="Georgia" panose="02040502050405020303" pitchFamily="18" charset="0"/>
              </a:rPr>
              <a:t>med vores aftagere særligt uddannelseskonsulenterne i kommunerne med henblik på øget rekruttering af EUV1-elever.</a:t>
            </a:r>
            <a:br>
              <a:rPr lang="da-DK" sz="1400">
                <a:solidFill>
                  <a:schemeClr val="tx1"/>
                </a:solidFill>
                <a:latin typeface="Georgia" panose="02040502050405020303" pitchFamily="18" charset="0"/>
              </a:rPr>
            </a:br>
            <a:endParaRPr lang="en-US" sz="1400" b="1">
              <a:latin typeface="Georgia" panose="02040502050405020303" pitchFamily="18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400" b="1" err="1">
                <a:latin typeface="Georgia" panose="02040502050405020303" pitchFamily="18" charset="0"/>
              </a:rPr>
              <a:t>Rekruttering</a:t>
            </a:r>
            <a:r>
              <a:rPr lang="en-US" sz="1400" b="1">
                <a:latin typeface="Georgia" panose="02040502050405020303" pitchFamily="18" charset="0"/>
              </a:rPr>
              <a:t> et fast </a:t>
            </a:r>
            <a:r>
              <a:rPr lang="en-US" sz="1400" b="1" err="1">
                <a:latin typeface="Georgia" panose="02040502050405020303" pitchFamily="18" charset="0"/>
              </a:rPr>
              <a:t>punkt</a:t>
            </a:r>
            <a:r>
              <a:rPr lang="en-US" sz="1400" b="1">
                <a:latin typeface="Georgia" panose="02040502050405020303" pitchFamily="18" charset="0"/>
              </a:rPr>
              <a:t> </a:t>
            </a:r>
            <a:r>
              <a:rPr lang="en-US" sz="1400" err="1">
                <a:latin typeface="Georgia" panose="02040502050405020303" pitchFamily="18" charset="0"/>
              </a:rPr>
              <a:t>på</a:t>
            </a:r>
            <a:r>
              <a:rPr lang="en-US" sz="1400">
                <a:latin typeface="Georgia" panose="02040502050405020303" pitchFamily="18" charset="0"/>
              </a:rPr>
              <a:t> </a:t>
            </a:r>
            <a:r>
              <a:rPr lang="en-US" sz="1400" err="1">
                <a:latin typeface="Georgia" panose="02040502050405020303" pitchFamily="18" charset="0"/>
              </a:rPr>
              <a:t>dagsorden</a:t>
            </a:r>
            <a:r>
              <a:rPr lang="en-US" sz="1400">
                <a:latin typeface="Georgia" panose="02040502050405020303" pitchFamily="18" charset="0"/>
              </a:rPr>
              <a:t> </a:t>
            </a:r>
            <a:r>
              <a:rPr lang="en-US" sz="1400" err="1">
                <a:latin typeface="Georgia" panose="02040502050405020303" pitchFamily="18" charset="0"/>
              </a:rPr>
              <a:t>i</a:t>
            </a:r>
            <a:r>
              <a:rPr lang="en-US" sz="1400">
                <a:latin typeface="Georgia" panose="02040502050405020303" pitchFamily="18" charset="0"/>
              </a:rPr>
              <a:t> det </a:t>
            </a:r>
            <a:r>
              <a:rPr lang="en-US" sz="1400" err="1">
                <a:latin typeface="Georgia" panose="02040502050405020303" pitchFamily="18" charset="0"/>
              </a:rPr>
              <a:t>lokale</a:t>
            </a:r>
            <a:r>
              <a:rPr lang="en-US" sz="1400">
                <a:latin typeface="Georgia" panose="02040502050405020303" pitchFamily="18" charset="0"/>
              </a:rPr>
              <a:t> </a:t>
            </a:r>
            <a:r>
              <a:rPr lang="en-US" sz="1400" err="1">
                <a:latin typeface="Georgia" panose="02040502050405020303" pitchFamily="18" charset="0"/>
              </a:rPr>
              <a:t>samarbejdsudvalg</a:t>
            </a:r>
            <a:r>
              <a:rPr lang="en-US" sz="1400">
                <a:latin typeface="Georgia" panose="02040502050405020303" pitchFamily="18" charset="0"/>
              </a:rPr>
              <a:t> (LUU)</a:t>
            </a:r>
            <a:br>
              <a:rPr lang="en-US" sz="1400">
                <a:latin typeface="Georgia" panose="02040502050405020303" pitchFamily="18" charset="0"/>
              </a:rPr>
            </a:br>
            <a:endParaRPr lang="en-US" sz="1400">
              <a:latin typeface="Georgia" panose="02040502050405020303" pitchFamily="18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400" err="1">
                <a:latin typeface="Georgia" panose="02040502050405020303" pitchFamily="18" charset="0"/>
              </a:rPr>
              <a:t>Afdækning</a:t>
            </a:r>
            <a:r>
              <a:rPr lang="en-US" sz="1400">
                <a:latin typeface="Georgia" panose="02040502050405020303" pitchFamily="18" charset="0"/>
              </a:rPr>
              <a:t> </a:t>
            </a:r>
            <a:r>
              <a:rPr lang="en-US" sz="1400" err="1">
                <a:latin typeface="Georgia" panose="02040502050405020303" pitchFamily="18" charset="0"/>
              </a:rPr>
              <a:t>af</a:t>
            </a:r>
            <a:r>
              <a:rPr lang="en-US" sz="1400">
                <a:latin typeface="Georgia" panose="02040502050405020303" pitchFamily="18" charset="0"/>
              </a:rPr>
              <a:t> </a:t>
            </a:r>
            <a:r>
              <a:rPr lang="en-US" sz="1400" b="1" err="1">
                <a:latin typeface="Georgia" panose="02040502050405020303" pitchFamily="18" charset="0"/>
              </a:rPr>
              <a:t>landsdækkende</a:t>
            </a:r>
            <a:r>
              <a:rPr lang="en-US" sz="1400">
                <a:latin typeface="Georgia" panose="02040502050405020303" pitchFamily="18" charset="0"/>
              </a:rPr>
              <a:t> </a:t>
            </a:r>
            <a:r>
              <a:rPr lang="en-US" sz="1400" err="1">
                <a:latin typeface="Georgia" panose="02040502050405020303" pitchFamily="18" charset="0"/>
              </a:rPr>
              <a:t>rekrutteringsudfordringer</a:t>
            </a:r>
            <a:r>
              <a:rPr lang="en-US" sz="1400">
                <a:latin typeface="Georgia" panose="02040502050405020303" pitchFamily="18" charset="0"/>
              </a:rPr>
              <a:t> </a:t>
            </a:r>
            <a:r>
              <a:rPr lang="en-US" sz="1400" err="1">
                <a:latin typeface="Georgia" panose="02040502050405020303" pitchFamily="18" charset="0"/>
              </a:rPr>
              <a:t>på</a:t>
            </a:r>
            <a:r>
              <a:rPr lang="en-US" sz="1400">
                <a:latin typeface="Georgia" panose="02040502050405020303" pitchFamily="18" charset="0"/>
              </a:rPr>
              <a:t> </a:t>
            </a:r>
            <a:r>
              <a:rPr lang="en-US" sz="1400" err="1">
                <a:latin typeface="Georgia" panose="02040502050405020303" pitchFamily="18" charset="0"/>
              </a:rPr>
              <a:t>dialogmøder</a:t>
            </a:r>
            <a:r>
              <a:rPr lang="en-US" sz="1400">
                <a:latin typeface="Georgia" panose="02040502050405020303" pitchFamily="18" charset="0"/>
              </a:rPr>
              <a:t> med det </a:t>
            </a:r>
            <a:r>
              <a:rPr lang="en-US" sz="1400" err="1">
                <a:latin typeface="Georgia" panose="02040502050405020303" pitchFamily="18" charset="0"/>
              </a:rPr>
              <a:t>faglige</a:t>
            </a:r>
            <a:r>
              <a:rPr lang="en-US" sz="1400">
                <a:latin typeface="Georgia" panose="02040502050405020303" pitchFamily="18" charset="0"/>
              </a:rPr>
              <a:t> </a:t>
            </a:r>
            <a:r>
              <a:rPr lang="en-US" sz="1400" err="1">
                <a:latin typeface="Georgia" panose="02040502050405020303" pitchFamily="18" charset="0"/>
              </a:rPr>
              <a:t>udvalg</a:t>
            </a:r>
            <a:r>
              <a:rPr lang="en-US" sz="1400">
                <a:latin typeface="Georgia" panose="02040502050405020303" pitchFamily="18" charset="0"/>
              </a:rPr>
              <a:t> SEVU og </a:t>
            </a:r>
            <a:r>
              <a:rPr lang="en-US" sz="1400" err="1">
                <a:latin typeface="Georgia" panose="02040502050405020303" pitchFamily="18" charset="0"/>
              </a:rPr>
              <a:t>på</a:t>
            </a:r>
            <a:r>
              <a:rPr lang="en-US" sz="1400">
                <a:latin typeface="Georgia" panose="02040502050405020303" pitchFamily="18" charset="0"/>
              </a:rPr>
              <a:t> </a:t>
            </a:r>
            <a:r>
              <a:rPr lang="en-US" sz="1400" err="1">
                <a:latin typeface="Georgia" panose="02040502050405020303" pitchFamily="18" charset="0"/>
              </a:rPr>
              <a:t>regionale</a:t>
            </a:r>
            <a:r>
              <a:rPr lang="en-US" sz="1400">
                <a:latin typeface="Georgia" panose="02040502050405020303" pitchFamily="18" charset="0"/>
              </a:rPr>
              <a:t> UC-</a:t>
            </a:r>
            <a:r>
              <a:rPr lang="en-US" sz="1400" err="1">
                <a:latin typeface="Georgia" panose="02040502050405020303" pitchFamily="18" charset="0"/>
              </a:rPr>
              <a:t>ledelsesmøder</a:t>
            </a:r>
            <a:r>
              <a:rPr lang="en-US" sz="1400">
                <a:latin typeface="Georgia" panose="02040502050405020303" pitchFamily="18" charset="0"/>
              </a:rPr>
              <a:t> </a:t>
            </a:r>
          </a:p>
        </p:txBody>
      </p:sp>
      <p:sp>
        <p:nvSpPr>
          <p:cNvPr id="6" name="Pladsholder til dato 5">
            <a:extLst>
              <a:ext uri="{FF2B5EF4-FFF2-40B4-BE49-F238E27FC236}">
                <a16:creationId xmlns:a16="http://schemas.microsoft.com/office/drawing/2014/main" id="{29D6F206-C138-48A2-9EAF-DBF317DFD09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3312382" y="4775527"/>
            <a:ext cx="2555762" cy="138499"/>
          </a:xfrm>
        </p:spPr>
        <p:txBody>
          <a:bodyPr>
            <a:normAutofit/>
          </a:bodyPr>
          <a:lstStyle/>
          <a:p>
            <a:pPr>
              <a:spcAft>
                <a:spcPts val="600"/>
              </a:spcAft>
            </a:pPr>
            <a:fld id="{E3F176F0-4EB5-41D1-866E-A621282BE2B8}" type="datetime2">
              <a:rPr lang="da-DK" smtClean="0"/>
              <a:pPr>
                <a:spcAft>
                  <a:spcPts val="600"/>
                </a:spcAft>
              </a:pPr>
              <a:t>23. juni 202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9018719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85584988892558"/>
</p:tagLst>
</file>

<file path=ppt/theme/theme1.xml><?xml version="1.0" encoding="utf-8"?>
<a:theme xmlns:a="http://schemas.openxmlformats.org/drawingml/2006/main" name="Københavns Professionshøjskole">
  <a:themeElements>
    <a:clrScheme name="KP Design Grøn">
      <a:dk1>
        <a:sysClr val="windowText" lastClr="000000"/>
      </a:dk1>
      <a:lt1>
        <a:sysClr val="window" lastClr="FFFFFF"/>
      </a:lt1>
      <a:dk2>
        <a:srgbClr val="000000"/>
      </a:dk2>
      <a:lt2>
        <a:srgbClr val="FFFFFF"/>
      </a:lt2>
      <a:accent1>
        <a:srgbClr val="005447"/>
      </a:accent1>
      <a:accent2>
        <a:srgbClr val="CCCCCC"/>
      </a:accent2>
      <a:accent3>
        <a:srgbClr val="929292"/>
      </a:accent3>
      <a:accent4>
        <a:srgbClr val="404040"/>
      </a:accent4>
      <a:accent5>
        <a:srgbClr val="8CCDB9"/>
      </a:accent5>
      <a:accent6>
        <a:srgbClr val="148C78"/>
      </a:accent6>
      <a:hlink>
        <a:srgbClr val="404040"/>
      </a:hlink>
      <a:folHlink>
        <a:srgbClr val="E6E6E6"/>
      </a:folHlink>
    </a:clrScheme>
    <a:fontScheme name="KP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tx1"/>
        </a:solidFill>
        <a:ln>
          <a:solidFill>
            <a:schemeClr val="tx1"/>
          </a:solidFill>
        </a:ln>
        <a:effectLst/>
      </a:spPr>
      <a:bodyPr rtlCol="0" anchor="ctr"/>
      <a:lstStyle>
        <a:defPPr algn="ctr">
          <a:defRPr dirty="0" err="1"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>
        <a:ln w="9525">
          <a:solidFill>
            <a:srgbClr val="192337"/>
          </a:solidFill>
        </a:ln>
        <a:effectLst/>
      </a:spPr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rtlCol="0">
        <a:spAutoFit/>
      </a:bodyPr>
      <a:lstStyle>
        <a:defPPr algn="l">
          <a:defRPr sz="1600" b="1" noProof="0" dirty="0">
            <a:solidFill>
              <a:schemeClr val="tx1"/>
            </a:solidFill>
            <a:latin typeface="+mn-lt"/>
            <a:cs typeface="Arial Bold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Metropol Basis.potx" id="{AE914001-0B5F-4CC7-BC1C-7FDF869E2037}" vid="{4D584845-0B5D-4D78-8C36-79E14000C3B6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FE2E63814B1FF14BABBFF995C7FD32F0" ma:contentTypeVersion="10" ma:contentTypeDescription="Opret et nyt dokument." ma:contentTypeScope="" ma:versionID="48371993f81150cc6c10bbb661920928">
  <xsd:schema xmlns:xsd="http://www.w3.org/2001/XMLSchema" xmlns:xs="http://www.w3.org/2001/XMLSchema" xmlns:p="http://schemas.microsoft.com/office/2006/metadata/properties" xmlns:ns2="5416ca48-f997-41b8-bf26-fa1282c7d5f4" xmlns:ns3="2b1e201a-78de-4de3-bfd1-4e1b27bb89cc" targetNamespace="http://schemas.microsoft.com/office/2006/metadata/properties" ma:root="true" ma:fieldsID="94baf01110282466ec3b208a433d96e3" ns2:_="" ns3:_="">
    <xsd:import namespace="5416ca48-f997-41b8-bf26-fa1282c7d5f4"/>
    <xsd:import namespace="2b1e201a-78de-4de3-bfd1-4e1b27bb89cc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3:SharedWithUsers" minOccurs="0"/>
                <xsd:element ref="ns3:SharedWithDetails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AutoKeyPoints" minOccurs="0"/>
                <xsd:element ref="ns2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5416ca48-f997-41b8-bf26-fa1282c7d5f4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12" nillable="true" ma:displayName="Tags" ma:internalName="MediaServiceAutoTags" ma:readOnly="true">
      <xsd:simpleType>
        <xsd:restriction base="dms:Text"/>
      </xsd:simpleType>
    </xsd:element>
    <xsd:element name="MediaServiceOCR" ma:index="13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4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5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AutoKeyPoints" ma:index="16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7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b1e201a-78de-4de3-bfd1-4e1b27bb89cc" elementFormDefault="qualified">
    <xsd:import namespace="http://schemas.microsoft.com/office/2006/documentManagement/types"/>
    <xsd:import namespace="http://schemas.microsoft.com/office/infopath/2007/PartnerControls"/>
    <xsd:element name="SharedWithUsers" ma:index="10" nillable="true" ma:displayName="Delt med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1" nillable="true" ma:displayName="Delt med detaljer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dholdstype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SharedWithUsers xmlns="2b1e201a-78de-4de3-bfd1-4e1b27bb89cc">
      <UserInfo>
        <DisplayName>Kirsten Balle</DisplayName>
        <AccountId>20</AccountId>
        <AccountType/>
      </UserInfo>
      <UserInfo>
        <DisplayName>Kristoffer Kaae Kjærgaard</DisplayName>
        <AccountId>140</AccountId>
        <AccountType/>
      </UserInfo>
    </SharedWithUsers>
  </documentManagement>
</p:properties>
</file>

<file path=customXml/itemProps1.xml><?xml version="1.0" encoding="utf-8"?>
<ds:datastoreItem xmlns:ds="http://schemas.openxmlformats.org/officeDocument/2006/customXml" ds:itemID="{71A47190-4B1E-4083-9737-E147466C8854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5416ca48-f997-41b8-bf26-fa1282c7d5f4"/>
    <ds:schemaRef ds:uri="2b1e201a-78de-4de3-bfd1-4e1b27bb89cc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FA22AA61-631A-486D-AB97-EB125C4B7289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C6062761-673D-450C-BEEC-F77CD780FBE2}">
  <ds:schemaRefs>
    <ds:schemaRef ds:uri="http://purl.org/dc/terms/"/>
    <ds:schemaRef ds:uri="http://schemas.microsoft.com/office/2006/documentManagement/types"/>
    <ds:schemaRef ds:uri="http://purl.org/dc/dcmitype/"/>
    <ds:schemaRef ds:uri="94c4626b-7e21-438c-b402-fcf60414e1a8"/>
    <ds:schemaRef ds:uri="http://www.w3.org/XML/1998/namespace"/>
    <ds:schemaRef ds:uri="http://schemas.microsoft.com/office/infopath/2007/PartnerControls"/>
    <ds:schemaRef ds:uri="http://purl.org/dc/elements/1.1/"/>
    <ds:schemaRef ds:uri="http://schemas.openxmlformats.org/package/2006/metadata/core-properties"/>
    <ds:schemaRef ds:uri="48fd01be-ed17-4e25-9cb8-423ff0495851"/>
    <ds:schemaRef ds:uri="http://schemas.microsoft.com/office/2006/metadata/properties"/>
    <ds:schemaRef ds:uri="2b1e201a-78de-4de3-bfd1-4e1b27bb89cc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427</TotalTime>
  <Words>1030</Words>
  <Application>Microsoft Office PowerPoint</Application>
  <PresentationFormat>Skærmshow (16:9)</PresentationFormat>
  <Paragraphs>95</Paragraphs>
  <Slides>10</Slides>
  <Notes>3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4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0</vt:i4>
      </vt:variant>
    </vt:vector>
  </HeadingPairs>
  <TitlesOfParts>
    <vt:vector size="15" baseType="lpstr">
      <vt:lpstr>Arial</vt:lpstr>
      <vt:lpstr>Calibri</vt:lpstr>
      <vt:lpstr>Georgia</vt:lpstr>
      <vt:lpstr>Wingdings</vt:lpstr>
      <vt:lpstr>Københavns Professionshøjskole</vt:lpstr>
      <vt:lpstr>Fortælling om Den pædagogiske assistent uddannelse </vt:lpstr>
      <vt:lpstr>Vores ambitioner for den pædagogiske assistentuddannelse</vt:lpstr>
      <vt:lpstr>Vi er godt på vej </vt:lpstr>
      <vt:lpstr>Øget rekruttering af EUV1-elever</vt:lpstr>
      <vt:lpstr>Stærke elever og dygtige faglærte dimittender </vt:lpstr>
      <vt:lpstr>Praksisnær didaktik og laboratorier i praksis </vt:lpstr>
      <vt:lpstr>De væsentligste udfordringer </vt:lpstr>
      <vt:lpstr>Siden sidste år</vt:lpstr>
      <vt:lpstr>Siden sidste år  </vt:lpstr>
      <vt:lpstr>Væsentligste handlinger for at realisere vores ambitioner med rekruttering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æsentation</dc:title>
  <dc:creator>Københavns Professionshøjskole</dc:creator>
  <cp:lastModifiedBy>Vibeke Brander Lenskjold</cp:lastModifiedBy>
  <cp:revision>3</cp:revision>
  <dcterms:modified xsi:type="dcterms:W3CDTF">2022-06-23T07:55:1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19-11-05T13:48:18.1092223Z</vt:lpwstr>
  </property>
  <property fmtid="{D5CDD505-2E9C-101B-9397-08002B2CF9AE}" pid="3" name="CustomerId">
    <vt:lpwstr>kph</vt:lpwstr>
  </property>
  <property fmtid="{D5CDD505-2E9C-101B-9397-08002B2CF9AE}" pid="4" name="TemplateId">
    <vt:lpwstr>637079423311687069</vt:lpwstr>
  </property>
  <property fmtid="{D5CDD505-2E9C-101B-9397-08002B2CF9AE}" pid="5" name="UserProfileId">
    <vt:lpwstr>636891093659834425</vt:lpwstr>
  </property>
  <property fmtid="{D5CDD505-2E9C-101B-9397-08002B2CF9AE}" pid="6" name="ContentTypeId">
    <vt:lpwstr>0x010100FE2E63814B1FF14BABBFF995C7FD32F0</vt:lpwstr>
  </property>
</Properties>
</file>